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4689\Desktop\"/>
    </mc:Choice>
  </mc:AlternateContent>
  <bookViews>
    <workbookView xWindow="0" yWindow="0" windowWidth="28800" windowHeight="12450"/>
  </bookViews>
  <sheets>
    <sheet name="共済証紙受払簿（数式入り）" sheetId="1" r:id="rId1"/>
  </sheets>
  <calcPr calcId="152511"/>
</workbook>
</file>

<file path=xl/calcChain.xml><?xml version="1.0" encoding="utf-8"?>
<calcChain xmlns="http://schemas.openxmlformats.org/spreadsheetml/2006/main">
  <c r="AF41" i="1" l="1"/>
  <c r="AC11" i="1"/>
  <c r="AC14" i="1"/>
  <c r="AC17" i="1"/>
  <c r="AC20" i="1"/>
  <c r="AC23" i="1"/>
  <c r="AC26" i="1"/>
  <c r="AC29" i="1"/>
  <c r="AC32" i="1"/>
  <c r="AC35" i="1"/>
  <c r="AC38" i="1"/>
  <c r="AC41" i="1"/>
  <c r="AC44" i="1"/>
  <c r="Q11" i="1"/>
  <c r="Q14" i="1"/>
  <c r="Q17" i="1"/>
  <c r="Q20" i="1"/>
  <c r="Q23" i="1"/>
  <c r="Q26" i="1"/>
  <c r="Q29" i="1"/>
  <c r="Q32" i="1"/>
  <c r="Q35" i="1"/>
  <c r="Q38" i="1"/>
  <c r="Q41" i="1"/>
  <c r="Q44" i="1"/>
  <c r="AF44" i="1"/>
  <c r="H47" i="1"/>
  <c r="H50" i="1" s="1"/>
  <c r="AQ49" i="1"/>
  <c r="W47" i="1"/>
  <c r="W50" i="1" s="1"/>
  <c r="K47" i="1"/>
  <c r="K50" i="1" s="1"/>
  <c r="AF38" i="1"/>
  <c r="AF35" i="1"/>
  <c r="AF32" i="1"/>
  <c r="AF29" i="1"/>
  <c r="AF26" i="1"/>
  <c r="AF23" i="1"/>
  <c r="AF20" i="1"/>
  <c r="AF17" i="1"/>
  <c r="AF14" i="1"/>
  <c r="AF11" i="1"/>
</calcChain>
</file>

<file path=xl/comments1.xml><?xml version="1.0" encoding="utf-8"?>
<comments xmlns="http://schemas.openxmlformats.org/spreadsheetml/2006/main">
  <authors>
    <author>竪山　賢治</author>
  </authors>
  <commentList>
    <comment ref="Q10" authorId="0" shapeId="0">
      <text>
        <r>
          <rPr>
            <sz val="9"/>
            <color indexed="81"/>
            <rFont val="ＭＳ Ｐゴシック"/>
            <family val="3"/>
            <charset val="128"/>
          </rPr>
          <t xml:space="preserve">前期末残高又は前ページ残高の証紙枚数入力
</t>
        </r>
      </text>
    </comment>
    <comment ref="Q11" authorId="0" shapeId="0">
      <text>
        <r>
          <rPr>
            <sz val="9"/>
            <color indexed="81"/>
            <rFont val="ＭＳ Ｐゴシック"/>
            <family val="3"/>
            <charset val="128"/>
          </rPr>
          <t xml:space="preserve">「受入・払出年月日」欄に入力すると、証紙枚数が表示されます。
</t>
        </r>
      </text>
    </comment>
    <comment ref="AC11" authorId="0" shapeId="0">
      <text>
        <r>
          <rPr>
            <sz val="9"/>
            <color indexed="81"/>
            <rFont val="ＭＳ Ｐゴシック"/>
            <family val="3"/>
            <charset val="128"/>
          </rPr>
          <t>「受入・払出年月日」欄に入力すると、証紙枚数が表示されます。</t>
        </r>
      </text>
    </comment>
    <comment ref="AF11" authorId="0" shapeId="0">
      <text>
        <r>
          <rPr>
            <sz val="9"/>
            <color indexed="81"/>
            <rFont val="ＭＳ Ｐゴシック"/>
            <family val="3"/>
            <charset val="128"/>
          </rPr>
          <t>「受入・払出年月日」欄に入力すると、証紙枚数が表示されます。</t>
        </r>
        <r>
          <rPr>
            <b/>
            <sz val="9"/>
            <color indexed="81"/>
            <rFont val="ＭＳ Ｐゴシック"/>
            <family val="3"/>
            <charset val="128"/>
          </rPr>
          <t xml:space="preserve">
</t>
        </r>
      </text>
    </comment>
    <comment ref="AI50" authorId="0" shapeId="0">
      <text>
        <r>
          <rPr>
            <sz val="9"/>
            <color indexed="81"/>
            <rFont val="ＭＳ Ｐゴシック"/>
            <family val="3"/>
            <charset val="128"/>
          </rPr>
          <t xml:space="preserve">決算日の被共済者の人数を入力
</t>
        </r>
      </text>
    </comment>
  </commentList>
</comments>
</file>

<file path=xl/sharedStrings.xml><?xml version="1.0" encoding="utf-8"?>
<sst xmlns="http://schemas.openxmlformats.org/spreadsheetml/2006/main" count="319" uniqueCount="58">
  <si>
    <t>受入・払出</t>
    <rPh sb="0" eb="2">
      <t>ウケイレ</t>
    </rPh>
    <rPh sb="3" eb="5">
      <t>ハライダシ</t>
    </rPh>
    <phoneticPr fontId="2"/>
  </si>
  <si>
    <t>年</t>
    <rPh sb="0" eb="1">
      <t>ネン</t>
    </rPh>
    <phoneticPr fontId="2"/>
  </si>
  <si>
    <t>月</t>
    <rPh sb="0" eb="1">
      <t>ツキ</t>
    </rPh>
    <phoneticPr fontId="2"/>
  </si>
  <si>
    <t>日</t>
    <rPh sb="0" eb="1">
      <t>ヒ</t>
    </rPh>
    <phoneticPr fontId="2"/>
  </si>
  <si>
    <t>日分</t>
    <rPh sb="0" eb="1">
      <t>ヒ</t>
    </rPh>
    <rPh sb="1" eb="2">
      <t>ブン</t>
    </rPh>
    <phoneticPr fontId="2"/>
  </si>
  <si>
    <t>元請名</t>
    <rPh sb="0" eb="2">
      <t>モトウケ</t>
    </rPh>
    <rPh sb="2" eb="3">
      <t>ナ</t>
    </rPh>
    <phoneticPr fontId="2"/>
  </si>
  <si>
    <t>下請名</t>
    <rPh sb="0" eb="2">
      <t>シタウケ</t>
    </rPh>
    <rPh sb="2" eb="3">
      <t>ナ</t>
    </rPh>
    <phoneticPr fontId="2"/>
  </si>
  <si>
    <t>人</t>
    <rPh sb="0" eb="1">
      <t>ヒト</t>
    </rPh>
    <phoneticPr fontId="2"/>
  </si>
  <si>
    <t>月分</t>
    <rPh sb="0" eb="1">
      <t>ツキ</t>
    </rPh>
    <rPh sb="1" eb="2">
      <t>ブン</t>
    </rPh>
    <phoneticPr fontId="2"/>
  </si>
  <si>
    <t>冊</t>
    <rPh sb="0" eb="1">
      <t>サツ</t>
    </rPh>
    <phoneticPr fontId="2"/>
  </si>
  <si>
    <t>（</t>
    <phoneticPr fontId="2"/>
  </si>
  <si>
    <t>）</t>
    <phoneticPr fontId="2"/>
  </si>
  <si>
    <t>年　月　日</t>
    <rPh sb="0" eb="1">
      <t>ネン</t>
    </rPh>
    <rPh sb="2" eb="3">
      <t>ツキ</t>
    </rPh>
    <rPh sb="4" eb="5">
      <t>ヒ</t>
    </rPh>
    <phoneticPr fontId="2"/>
  </si>
  <si>
    <t>元請から受入</t>
    <rPh sb="0" eb="2">
      <t>モトウケ</t>
    </rPh>
    <rPh sb="4" eb="6">
      <t>ウケイレ</t>
    </rPh>
    <phoneticPr fontId="2"/>
  </si>
  <si>
    <t>計　（Ａ）</t>
    <rPh sb="0" eb="1">
      <t>ケイ</t>
    </rPh>
    <phoneticPr fontId="2"/>
  </si>
  <si>
    <t>下請へ交付</t>
    <rPh sb="0" eb="2">
      <t>シタウケ</t>
    </rPh>
    <rPh sb="3" eb="5">
      <t>コウフ</t>
    </rPh>
    <phoneticPr fontId="2"/>
  </si>
  <si>
    <t>計　（Ｂ）</t>
    <rPh sb="0" eb="1">
      <t>ケイ</t>
    </rPh>
    <phoneticPr fontId="2"/>
  </si>
  <si>
    <t>（Ａ）－（Ｂ）</t>
    <phoneticPr fontId="2"/>
  </si>
  <si>
    <t>払出欄の貼付の内訳</t>
    <rPh sb="0" eb="2">
      <t>ハライダシ</t>
    </rPh>
    <rPh sb="2" eb="3">
      <t>ラン</t>
    </rPh>
    <rPh sb="4" eb="6">
      <t>チョウフ</t>
    </rPh>
    <rPh sb="7" eb="9">
      <t>ウチワケ</t>
    </rPh>
    <phoneticPr fontId="2"/>
  </si>
  <si>
    <t>貼付人員</t>
    <rPh sb="0" eb="2">
      <t>チョウフ</t>
    </rPh>
    <rPh sb="2" eb="4">
      <t>ジンイン</t>
    </rPh>
    <phoneticPr fontId="2"/>
  </si>
  <si>
    <t>更新年月日</t>
    <rPh sb="0" eb="2">
      <t>コウシン</t>
    </rPh>
    <rPh sb="2" eb="5">
      <t>ネンガッピ</t>
    </rPh>
    <phoneticPr fontId="2"/>
  </si>
  <si>
    <t>手帳更新数</t>
    <rPh sb="0" eb="2">
      <t>テチョウ</t>
    </rPh>
    <rPh sb="2" eb="4">
      <t>コウシン</t>
    </rPh>
    <rPh sb="4" eb="5">
      <t>スウ</t>
    </rPh>
    <phoneticPr fontId="2"/>
  </si>
  <si>
    <t>購　　入</t>
    <rPh sb="0" eb="1">
      <t>コウ</t>
    </rPh>
    <rPh sb="3" eb="4">
      <t>イリ</t>
    </rPh>
    <phoneticPr fontId="2"/>
  </si>
  <si>
    <t>貼　　付</t>
    <rPh sb="0" eb="1">
      <t>ハ</t>
    </rPh>
    <rPh sb="3" eb="4">
      <t>ヅケ</t>
    </rPh>
    <phoneticPr fontId="2"/>
  </si>
  <si>
    <t>就　労　月</t>
    <rPh sb="0" eb="1">
      <t>シュウ</t>
    </rPh>
    <rPh sb="2" eb="3">
      <t>ロウ</t>
    </rPh>
    <rPh sb="4" eb="5">
      <t>ツキ</t>
    </rPh>
    <phoneticPr fontId="2"/>
  </si>
  <si>
    <t>残　　高</t>
    <rPh sb="0" eb="1">
      <t>ザン</t>
    </rPh>
    <rPh sb="3" eb="4">
      <t>コウ</t>
    </rPh>
    <phoneticPr fontId="2"/>
  </si>
  <si>
    <t>払　　　　　出</t>
    <rPh sb="0" eb="1">
      <t>バライ</t>
    </rPh>
    <rPh sb="6" eb="7">
      <t>デ</t>
    </rPh>
    <phoneticPr fontId="2"/>
  </si>
  <si>
    <t>受　　　　　入</t>
    <rPh sb="0" eb="1">
      <t>ウケ</t>
    </rPh>
    <rPh sb="6" eb="7">
      <t>イリ</t>
    </rPh>
    <phoneticPr fontId="2"/>
  </si>
  <si>
    <t>備　　考</t>
    <rPh sb="0" eb="1">
      <t>ソナエ</t>
    </rPh>
    <rPh sb="3" eb="4">
      <t>コウ</t>
    </rPh>
    <phoneticPr fontId="2"/>
  </si>
  <si>
    <t>②共済契約者番号</t>
    <rPh sb="1" eb="3">
      <t>キョウサイ</t>
    </rPh>
    <rPh sb="3" eb="6">
      <t>ケイヤクシャ</t>
    </rPh>
    <rPh sb="6" eb="8">
      <t>バンゴウ</t>
    </rPh>
    <phoneticPr fontId="2"/>
  </si>
  <si>
    <t>－</t>
    <phoneticPr fontId="2"/>
  </si>
  <si>
    <t>共済契約者名</t>
    <rPh sb="0" eb="2">
      <t>キョウサイ</t>
    </rPh>
    <rPh sb="2" eb="5">
      <t>ケイヤクシャ</t>
    </rPh>
    <rPh sb="5" eb="6">
      <t>ナ</t>
    </rPh>
    <phoneticPr fontId="2"/>
  </si>
  <si>
    <t>～</t>
    <phoneticPr fontId="2"/>
  </si>
  <si>
    <t>◎</t>
    <phoneticPr fontId="2"/>
  </si>
  <si>
    <t>この受払簿は、受入・払出の都度、掛金収納書などをみて日付</t>
    <rPh sb="2" eb="4">
      <t>ウケハライ</t>
    </rPh>
    <rPh sb="4" eb="5">
      <t>ボ</t>
    </rPh>
    <rPh sb="7" eb="9">
      <t>ウケイレ</t>
    </rPh>
    <rPh sb="10" eb="12">
      <t>ハライダシ</t>
    </rPh>
    <rPh sb="13" eb="15">
      <t>ツド</t>
    </rPh>
    <rPh sb="16" eb="18">
      <t>カケキン</t>
    </rPh>
    <rPh sb="18" eb="20">
      <t>シュウノウ</t>
    </rPh>
    <rPh sb="20" eb="21">
      <t>ショ</t>
    </rPh>
    <rPh sb="26" eb="28">
      <t>ヒヅケ</t>
    </rPh>
    <phoneticPr fontId="2"/>
  </si>
  <si>
    <t>共済手帳に２５０日（掛金助成手帳は２００日）分の証紙を貼り、</t>
    <rPh sb="0" eb="2">
      <t>キョウサイ</t>
    </rPh>
    <rPh sb="2" eb="4">
      <t>テチョウ</t>
    </rPh>
    <rPh sb="8" eb="9">
      <t>ヒ</t>
    </rPh>
    <rPh sb="10" eb="12">
      <t>カケキン</t>
    </rPh>
    <rPh sb="12" eb="14">
      <t>ジョセイ</t>
    </rPh>
    <rPh sb="14" eb="16">
      <t>テチョウ</t>
    </rPh>
    <rPh sb="20" eb="21">
      <t>ヒ</t>
    </rPh>
    <rPh sb="22" eb="23">
      <t>ブン</t>
    </rPh>
    <rPh sb="24" eb="26">
      <t>ショウシ</t>
    </rPh>
    <rPh sb="27" eb="28">
      <t>ハ</t>
    </rPh>
    <phoneticPr fontId="2"/>
  </si>
  <si>
    <t>共　　済　　証　　紙　　受　　払　　簿</t>
    <rPh sb="0" eb="1">
      <t>トモ</t>
    </rPh>
    <rPh sb="3" eb="4">
      <t>スミ</t>
    </rPh>
    <rPh sb="6" eb="7">
      <t>アカシ</t>
    </rPh>
    <rPh sb="9" eb="10">
      <t>カミ</t>
    </rPh>
    <rPh sb="12" eb="13">
      <t>ウケ</t>
    </rPh>
    <rPh sb="15" eb="16">
      <t>バライ</t>
    </rPh>
    <rPh sb="18" eb="19">
      <t>ボ</t>
    </rPh>
    <phoneticPr fontId="2"/>
  </si>
  <si>
    <t>円</t>
    <rPh sb="0" eb="1">
      <t>エン</t>
    </rPh>
    <phoneticPr fontId="2"/>
  </si>
  <si>
    <t>次頁へ　　　　（次年度へ）　　　転　　記</t>
    <rPh sb="0" eb="1">
      <t>ジ</t>
    </rPh>
    <rPh sb="1" eb="2">
      <t>ペイジ</t>
    </rPh>
    <rPh sb="8" eb="11">
      <t>ジネンド</t>
    </rPh>
    <rPh sb="16" eb="17">
      <t>テン</t>
    </rPh>
    <rPh sb="19" eb="20">
      <t>キ</t>
    </rPh>
    <phoneticPr fontId="2"/>
  </si>
  <si>
    <t>決算期間内　　　　　　の　合　計</t>
    <rPh sb="0" eb="2">
      <t>ケッサン</t>
    </rPh>
    <rPh sb="2" eb="4">
      <t>キカン</t>
    </rPh>
    <rPh sb="4" eb="5">
      <t>ナイ</t>
    </rPh>
    <rPh sb="13" eb="14">
      <t>ゴウ</t>
    </rPh>
    <rPh sb="15" eb="16">
      <t>ケイ</t>
    </rPh>
    <phoneticPr fontId="2"/>
  </si>
  <si>
    <t>③決算日の　　　被共済者数</t>
    <rPh sb="1" eb="4">
      <t>ケッサンビ</t>
    </rPh>
    <rPh sb="8" eb="9">
      <t>ヒ</t>
    </rPh>
    <rPh sb="9" eb="11">
      <t>キョウサイ</t>
    </rPh>
    <rPh sb="11" eb="12">
      <t>シャ</t>
    </rPh>
    <rPh sb="12" eb="13">
      <t>スウ</t>
    </rPh>
    <phoneticPr fontId="2"/>
  </si>
  <si>
    <t>建　退　共</t>
    <rPh sb="0" eb="1">
      <t>ケン</t>
    </rPh>
    <rPh sb="2" eb="3">
      <t>タイ</t>
    </rPh>
    <rPh sb="4" eb="5">
      <t>トモ</t>
    </rPh>
    <phoneticPr fontId="2"/>
  </si>
  <si>
    <t>確　認　印</t>
    <rPh sb="0" eb="1">
      <t>アキラ</t>
    </rPh>
    <rPh sb="2" eb="3">
      <t>シノブ</t>
    </rPh>
    <rPh sb="4" eb="5">
      <t>イン</t>
    </rPh>
    <phoneticPr fontId="2"/>
  </si>
  <si>
    <t>⑦</t>
    <phoneticPr fontId="2"/>
  </si>
  <si>
    <t>⑥</t>
    <phoneticPr fontId="2"/>
  </si>
  <si>
    <t>⑤</t>
    <phoneticPr fontId="2"/>
  </si>
  <si>
    <r>
      <t>を所定欄に記入し、</t>
    </r>
    <r>
      <rPr>
        <u/>
        <sz val="11"/>
        <rFont val="ＭＳ Ｐゴシック"/>
        <family val="3"/>
        <charset val="128"/>
      </rPr>
      <t>決算毎に合計を出して整理して下さい。</t>
    </r>
    <rPh sb="1" eb="3">
      <t>ショテイ</t>
    </rPh>
    <rPh sb="3" eb="4">
      <t>ラン</t>
    </rPh>
    <rPh sb="5" eb="7">
      <t>キニュウ</t>
    </rPh>
    <rPh sb="9" eb="11">
      <t>ケッサン</t>
    </rPh>
    <rPh sb="11" eb="12">
      <t>ゴト</t>
    </rPh>
    <rPh sb="13" eb="15">
      <t>ゴウケイ</t>
    </rPh>
    <rPh sb="16" eb="17">
      <t>ダ</t>
    </rPh>
    <rPh sb="19" eb="21">
      <t>セイリ</t>
    </rPh>
    <rPh sb="23" eb="24">
      <t>クダ</t>
    </rPh>
    <phoneticPr fontId="2"/>
  </si>
  <si>
    <t>④決算期間内　　　　　　　　の手帳更新数</t>
    <rPh sb="1" eb="3">
      <t>ケッサン</t>
    </rPh>
    <rPh sb="3" eb="5">
      <t>キカン</t>
    </rPh>
    <rPh sb="5" eb="6">
      <t>ナイ</t>
    </rPh>
    <rPh sb="15" eb="17">
      <t>テチョウ</t>
    </rPh>
    <rPh sb="17" eb="19">
      <t>コウシン</t>
    </rPh>
    <rPh sb="19" eb="20">
      <t>スウ</t>
    </rPh>
    <phoneticPr fontId="2"/>
  </si>
  <si>
    <t>前期（前頁）繰越</t>
    <rPh sb="0" eb="2">
      <t>ゼンキ</t>
    </rPh>
    <rPh sb="3" eb="4">
      <t>ゼン</t>
    </rPh>
    <rPh sb="4" eb="5">
      <t>ペイジ</t>
    </rPh>
    <rPh sb="6" eb="8">
      <t>クリコシ</t>
    </rPh>
    <phoneticPr fontId="2"/>
  </si>
  <si>
    <t>手帳の更新をすませた時にはこの受払簿にも記帳して下さい。</t>
    <rPh sb="0" eb="2">
      <t>テチョウ</t>
    </rPh>
    <rPh sb="3" eb="5">
      <t>コウシン</t>
    </rPh>
    <rPh sb="10" eb="11">
      <t>トキ</t>
    </rPh>
    <rPh sb="15" eb="18">
      <t>ウケハライボ</t>
    </rPh>
    <rPh sb="20" eb="22">
      <t>キチョウ</t>
    </rPh>
    <rPh sb="24" eb="25">
      <t>クダ</t>
    </rPh>
    <phoneticPr fontId="2"/>
  </si>
  <si>
    <t>⑨決算日</t>
    <rPh sb="1" eb="4">
      <t>ケッサンビ</t>
    </rPh>
    <phoneticPr fontId="2"/>
  </si>
  <si>
    <t>決算　　期間</t>
    <rPh sb="0" eb="2">
      <t>ケッサン</t>
    </rPh>
    <rPh sb="4" eb="6">
      <t>キカン</t>
    </rPh>
    <phoneticPr fontId="2"/>
  </si>
  <si>
    <t>（注）</t>
    <rPh sb="1" eb="2">
      <t>チュウ</t>
    </rPh>
    <phoneticPr fontId="2"/>
  </si>
  <si>
    <t>の箇所に必要事項入力。</t>
    <rPh sb="1" eb="3">
      <t>カショ</t>
    </rPh>
    <rPh sb="4" eb="6">
      <t>ヒツヨウ</t>
    </rPh>
    <rPh sb="6" eb="8">
      <t>ジコウ</t>
    </rPh>
    <rPh sb="8" eb="10">
      <t>ニュウリョク</t>
    </rPh>
    <phoneticPr fontId="2"/>
  </si>
  <si>
    <t>必ず、受入・払出年月日を入力。</t>
    <rPh sb="0" eb="1">
      <t>カナラ</t>
    </rPh>
    <rPh sb="3" eb="5">
      <t>ウケイレ</t>
    </rPh>
    <rPh sb="6" eb="8">
      <t>ハライダシ</t>
    </rPh>
    <rPh sb="8" eb="9">
      <t>ネン</t>
    </rPh>
    <rPh sb="9" eb="10">
      <t>ツキ</t>
    </rPh>
    <rPh sb="10" eb="11">
      <t>ヒ</t>
    </rPh>
    <rPh sb="12" eb="14">
      <t>ニュウリョク</t>
    </rPh>
    <phoneticPr fontId="2"/>
  </si>
  <si>
    <t>（様式第０３０号）</t>
    <rPh sb="1" eb="3">
      <t>ヨウシキ</t>
    </rPh>
    <rPh sb="3" eb="4">
      <t>ダイ</t>
    </rPh>
    <rPh sb="7" eb="8">
      <t>ゴウ</t>
    </rPh>
    <phoneticPr fontId="2"/>
  </si>
  <si>
    <t>令和</t>
    <rPh sb="0" eb="2">
      <t>レイワ</t>
    </rPh>
    <phoneticPr fontId="2"/>
  </si>
  <si>
    <t>①共済契約成立年月日（Ｓ・Ｈ・R）</t>
    <rPh sb="1" eb="3">
      <t>キョウサイ</t>
    </rPh>
    <rPh sb="3" eb="5">
      <t>ケイヤク</t>
    </rPh>
    <rPh sb="5" eb="7">
      <t>セイリツ</t>
    </rPh>
    <rPh sb="7" eb="10">
      <t>ネンガッピ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2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12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u/>
      <sz val="11"/>
      <name val="ＭＳ Ｐゴシック"/>
      <family val="3"/>
      <charset val="128"/>
    </font>
    <font>
      <sz val="9"/>
      <color indexed="81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61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2" xfId="0" applyBorder="1">
      <alignment vertical="center"/>
    </xf>
    <xf numFmtId="0" fontId="0" fillId="0" borderId="3" xfId="0" applyBorder="1">
      <alignment vertical="center"/>
    </xf>
    <xf numFmtId="0" fontId="0" fillId="0" borderId="4" xfId="0" applyBorder="1">
      <alignment vertical="center"/>
    </xf>
    <xf numFmtId="0" fontId="0" fillId="0" borderId="5" xfId="0" applyBorder="1">
      <alignment vertical="center"/>
    </xf>
    <xf numFmtId="0" fontId="0" fillId="0" borderId="6" xfId="0" applyBorder="1">
      <alignment vertical="center"/>
    </xf>
    <xf numFmtId="0" fontId="0" fillId="0" borderId="0" xfId="0" applyBorder="1">
      <alignment vertical="center"/>
    </xf>
    <xf numFmtId="0" fontId="0" fillId="0" borderId="7" xfId="0" applyBorder="1">
      <alignment vertical="center"/>
    </xf>
    <xf numFmtId="0" fontId="0" fillId="0" borderId="8" xfId="0" applyBorder="1">
      <alignment vertical="center"/>
    </xf>
    <xf numFmtId="0" fontId="0" fillId="0" borderId="6" xfId="0" applyBorder="1" applyAlignment="1">
      <alignment horizontal="right"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0" fillId="0" borderId="4" xfId="0" applyBorder="1" applyAlignment="1">
      <alignment horizontal="right" vertical="center"/>
    </xf>
    <xf numFmtId="0" fontId="0" fillId="0" borderId="7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11" xfId="0" applyBorder="1">
      <alignment vertical="center"/>
    </xf>
    <xf numFmtId="0" fontId="0" fillId="0" borderId="12" xfId="0" applyBorder="1">
      <alignment vertical="center"/>
    </xf>
    <xf numFmtId="0" fontId="0" fillId="0" borderId="13" xfId="0" applyBorder="1">
      <alignment vertical="center"/>
    </xf>
    <xf numFmtId="0" fontId="0" fillId="0" borderId="14" xfId="0" applyBorder="1">
      <alignment vertical="center"/>
    </xf>
    <xf numFmtId="0" fontId="0" fillId="0" borderId="15" xfId="0" applyBorder="1">
      <alignment vertical="center"/>
    </xf>
    <xf numFmtId="0" fontId="0" fillId="0" borderId="16" xfId="0" applyBorder="1">
      <alignment vertical="center"/>
    </xf>
    <xf numFmtId="0" fontId="0" fillId="0" borderId="17" xfId="0" applyBorder="1">
      <alignment vertical="center"/>
    </xf>
    <xf numFmtId="0" fontId="0" fillId="0" borderId="18" xfId="0" applyBorder="1">
      <alignment vertical="center"/>
    </xf>
    <xf numFmtId="0" fontId="0" fillId="0" borderId="19" xfId="0" applyBorder="1">
      <alignment vertical="center"/>
    </xf>
    <xf numFmtId="0" fontId="4" fillId="0" borderId="3" xfId="0" applyFont="1" applyBorder="1" applyAlignment="1">
      <alignment horizontal="right" vertical="center"/>
    </xf>
    <xf numFmtId="0" fontId="6" fillId="0" borderId="12" xfId="0" applyFont="1" applyBorder="1">
      <alignment vertical="center"/>
    </xf>
    <xf numFmtId="0" fontId="6" fillId="0" borderId="15" xfId="0" applyFont="1" applyBorder="1">
      <alignment vertical="center"/>
    </xf>
    <xf numFmtId="0" fontId="6" fillId="0" borderId="20" xfId="0" applyFont="1" applyBorder="1">
      <alignment vertical="center"/>
    </xf>
    <xf numFmtId="0" fontId="7" fillId="0" borderId="3" xfId="0" applyFont="1" applyBorder="1" applyAlignment="1">
      <alignment horizontal="right" vertical="center"/>
    </xf>
    <xf numFmtId="0" fontId="0" fillId="0" borderId="3" xfId="0" applyFill="1" applyBorder="1">
      <alignment vertical="center"/>
    </xf>
    <xf numFmtId="0" fontId="7" fillId="0" borderId="1" xfId="0" applyFont="1" applyBorder="1">
      <alignment vertical="center"/>
    </xf>
    <xf numFmtId="0" fontId="0" fillId="0" borderId="8" xfId="0" applyBorder="1" applyAlignment="1">
      <alignment horizontal="right" vertical="center"/>
    </xf>
    <xf numFmtId="0" fontId="0" fillId="0" borderId="7" xfId="0" applyBorder="1" applyAlignment="1">
      <alignment horizontal="right" vertical="center"/>
    </xf>
    <xf numFmtId="0" fontId="0" fillId="0" borderId="21" xfId="0" applyBorder="1">
      <alignment vertical="center"/>
    </xf>
    <xf numFmtId="0" fontId="4" fillId="0" borderId="22" xfId="0" applyFont="1" applyBorder="1" applyAlignment="1">
      <alignment horizontal="right" vertical="center"/>
    </xf>
    <xf numFmtId="0" fontId="7" fillId="0" borderId="0" xfId="0" applyFont="1" applyBorder="1">
      <alignment vertical="center"/>
    </xf>
    <xf numFmtId="0" fontId="0" fillId="0" borderId="23" xfId="0" applyBorder="1">
      <alignment vertical="center"/>
    </xf>
    <xf numFmtId="0" fontId="6" fillId="0" borderId="5" xfId="0" applyFont="1" applyBorder="1">
      <alignment vertical="center"/>
    </xf>
    <xf numFmtId="0" fontId="6" fillId="0" borderId="1" xfId="0" applyFont="1" applyBorder="1">
      <alignment vertical="center"/>
    </xf>
    <xf numFmtId="0" fontId="6" fillId="0" borderId="2" xfId="0" applyFont="1" applyBorder="1">
      <alignment vertical="center"/>
    </xf>
    <xf numFmtId="0" fontId="6" fillId="0" borderId="4" xfId="0" applyFont="1" applyBorder="1">
      <alignment vertical="center"/>
    </xf>
    <xf numFmtId="0" fontId="7" fillId="0" borderId="12" xfId="0" applyFont="1" applyBorder="1">
      <alignment vertical="center"/>
    </xf>
    <xf numFmtId="0" fontId="7" fillId="0" borderId="12" xfId="0" applyFont="1" applyBorder="1" applyAlignment="1">
      <alignment horizontal="right" vertical="center"/>
    </xf>
    <xf numFmtId="0" fontId="7" fillId="0" borderId="13" xfId="0" applyFont="1" applyBorder="1">
      <alignment vertical="center"/>
    </xf>
    <xf numFmtId="0" fontId="7" fillId="0" borderId="17" xfId="0" applyFont="1" applyBorder="1">
      <alignment vertical="center"/>
    </xf>
    <xf numFmtId="0" fontId="7" fillId="0" borderId="15" xfId="0" applyFont="1" applyBorder="1">
      <alignment vertical="center"/>
    </xf>
    <xf numFmtId="0" fontId="7" fillId="0" borderId="20" xfId="0" applyFont="1" applyBorder="1">
      <alignment vertical="center"/>
    </xf>
    <xf numFmtId="0" fontId="7" fillId="0" borderId="0" xfId="0" applyFont="1" applyBorder="1" applyAlignment="1">
      <alignment horizontal="right" vertical="center"/>
    </xf>
    <xf numFmtId="0" fontId="7" fillId="0" borderId="15" xfId="0" applyFont="1" applyBorder="1" applyAlignment="1">
      <alignment horizontal="right" vertical="center"/>
    </xf>
    <xf numFmtId="0" fontId="6" fillId="2" borderId="7" xfId="0" applyFont="1" applyFill="1" applyBorder="1">
      <alignment vertical="center"/>
    </xf>
    <xf numFmtId="0" fontId="6" fillId="2" borderId="0" xfId="0" applyFont="1" applyFill="1" applyBorder="1">
      <alignment vertical="center"/>
    </xf>
    <xf numFmtId="0" fontId="0" fillId="2" borderId="12" xfId="0" applyFill="1" applyBorder="1">
      <alignment vertical="center"/>
    </xf>
    <xf numFmtId="0" fontId="1" fillId="2" borderId="0" xfId="0" applyFont="1" applyFill="1" applyBorder="1">
      <alignment vertical="center"/>
    </xf>
    <xf numFmtId="0" fontId="1" fillId="2" borderId="15" xfId="0" applyFont="1" applyFill="1" applyBorder="1">
      <alignment vertical="center"/>
    </xf>
    <xf numFmtId="0" fontId="6" fillId="2" borderId="12" xfId="0" applyFont="1" applyFill="1" applyBorder="1">
      <alignment vertical="center"/>
    </xf>
    <xf numFmtId="0" fontId="6" fillId="2" borderId="15" xfId="0" applyFont="1" applyFill="1" applyBorder="1">
      <alignment vertical="center"/>
    </xf>
    <xf numFmtId="0" fontId="0" fillId="0" borderId="0" xfId="0" applyFill="1" applyBorder="1">
      <alignment vertical="center"/>
    </xf>
    <xf numFmtId="0" fontId="0" fillId="2" borderId="24" xfId="0" applyFill="1" applyBorder="1">
      <alignment vertical="center"/>
    </xf>
    <xf numFmtId="0" fontId="0" fillId="2" borderId="25" xfId="0" applyFill="1" applyBorder="1">
      <alignment vertical="center"/>
    </xf>
    <xf numFmtId="0" fontId="0" fillId="2" borderId="26" xfId="0" applyFill="1" applyBorder="1">
      <alignment vertical="center"/>
    </xf>
    <xf numFmtId="0" fontId="0" fillId="0" borderId="15" xfId="0" applyBorder="1" applyAlignment="1">
      <alignment horizontal="center" vertical="center"/>
    </xf>
    <xf numFmtId="0" fontId="0" fillId="0" borderId="0" xfId="0" applyBorder="1" applyAlignment="1">
      <alignment horizontal="center" vertical="center" wrapText="1"/>
    </xf>
    <xf numFmtId="38" fontId="5" fillId="0" borderId="0" xfId="1" applyFont="1" applyBorder="1" applyAlignment="1">
      <alignment horizontal="center" vertical="center"/>
    </xf>
    <xf numFmtId="38" fontId="5" fillId="0" borderId="0" xfId="1" applyFont="1" applyBorder="1">
      <alignment vertical="center"/>
    </xf>
    <xf numFmtId="0" fontId="7" fillId="0" borderId="0" xfId="0" applyFont="1" applyBorder="1" applyAlignment="1">
      <alignment horizontal="center" vertical="center" wrapText="1"/>
    </xf>
    <xf numFmtId="38" fontId="5" fillId="0" borderId="27" xfId="1" applyFont="1" applyBorder="1">
      <alignment vertical="center"/>
    </xf>
    <xf numFmtId="0" fontId="7" fillId="0" borderId="0" xfId="0" applyFont="1" applyFill="1" applyBorder="1" applyAlignment="1">
      <alignment horizontal="center" vertical="center" wrapText="1"/>
    </xf>
    <xf numFmtId="38" fontId="5" fillId="0" borderId="0" xfId="1" applyFont="1" applyFill="1" applyBorder="1">
      <alignment vertical="center"/>
    </xf>
    <xf numFmtId="0" fontId="0" fillId="0" borderId="0" xfId="0" applyFill="1">
      <alignment vertical="center"/>
    </xf>
    <xf numFmtId="0" fontId="10" fillId="2" borderId="10" xfId="0" applyFont="1" applyFill="1" applyBorder="1">
      <alignment vertical="center"/>
    </xf>
    <xf numFmtId="0" fontId="10" fillId="2" borderId="29" xfId="0" applyFont="1" applyFill="1" applyBorder="1">
      <alignment vertical="center"/>
    </xf>
    <xf numFmtId="38" fontId="5" fillId="2" borderId="30" xfId="1" applyFont="1" applyFill="1" applyBorder="1">
      <alignment vertical="center"/>
    </xf>
    <xf numFmtId="38" fontId="5" fillId="2" borderId="31" xfId="1" applyFont="1" applyFill="1" applyBorder="1">
      <alignment vertical="center"/>
    </xf>
    <xf numFmtId="38" fontId="5" fillId="2" borderId="4" xfId="1" applyFont="1" applyFill="1" applyBorder="1">
      <alignment vertical="center"/>
    </xf>
    <xf numFmtId="38" fontId="5" fillId="2" borderId="5" xfId="1" applyFont="1" applyFill="1" applyBorder="1">
      <alignment vertical="center"/>
    </xf>
    <xf numFmtId="0" fontId="0" fillId="0" borderId="1" xfId="0" applyBorder="1">
      <alignment vertical="center"/>
    </xf>
    <xf numFmtId="0" fontId="0" fillId="0" borderId="2" xfId="0" applyBorder="1">
      <alignment vertical="center"/>
    </xf>
    <xf numFmtId="38" fontId="5" fillId="2" borderId="7" xfId="1" applyFont="1" applyFill="1" applyBorder="1">
      <alignment vertical="center"/>
    </xf>
    <xf numFmtId="38" fontId="5" fillId="2" borderId="0" xfId="1" applyFont="1" applyFill="1" applyBorder="1">
      <alignment vertical="center"/>
    </xf>
    <xf numFmtId="38" fontId="5" fillId="2" borderId="8" xfId="1" applyFont="1" applyFill="1" applyBorder="1">
      <alignment vertical="center"/>
    </xf>
    <xf numFmtId="38" fontId="5" fillId="2" borderId="6" xfId="1" applyFont="1" applyFill="1" applyBorder="1">
      <alignment vertical="center"/>
    </xf>
    <xf numFmtId="0" fontId="6" fillId="2" borderId="5" xfId="0" applyFont="1" applyFill="1" applyBorder="1" applyAlignment="1">
      <alignment horizontal="center" vertical="center"/>
    </xf>
    <xf numFmtId="38" fontId="5" fillId="0" borderId="7" xfId="1" applyFont="1" applyBorder="1">
      <alignment vertical="center"/>
    </xf>
    <xf numFmtId="38" fontId="5" fillId="0" borderId="0" xfId="1" applyFont="1" applyBorder="1">
      <alignment vertical="center"/>
    </xf>
    <xf numFmtId="38" fontId="5" fillId="0" borderId="8" xfId="1" applyFont="1" applyBorder="1">
      <alignment vertical="center"/>
    </xf>
    <xf numFmtId="38" fontId="5" fillId="0" borderId="4" xfId="1" applyFont="1" applyBorder="1">
      <alignment vertical="center"/>
    </xf>
    <xf numFmtId="38" fontId="5" fillId="0" borderId="5" xfId="1" applyFont="1" applyBorder="1">
      <alignment vertical="center"/>
    </xf>
    <xf numFmtId="38" fontId="5" fillId="0" borderId="6" xfId="1" applyFont="1" applyBorder="1">
      <alignment vertical="center"/>
    </xf>
    <xf numFmtId="0" fontId="6" fillId="2" borderId="15" xfId="0" applyFont="1" applyFill="1" applyBorder="1" applyAlignment="1">
      <alignment horizontal="left" vertical="center"/>
    </xf>
    <xf numFmtId="0" fontId="0" fillId="0" borderId="7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21" xfId="0" applyBorder="1">
      <alignment vertical="center"/>
    </xf>
    <xf numFmtId="0" fontId="0" fillId="0" borderId="12" xfId="0" applyBorder="1">
      <alignment vertical="center"/>
    </xf>
    <xf numFmtId="0" fontId="0" fillId="0" borderId="13" xfId="0" applyBorder="1">
      <alignment vertical="center"/>
    </xf>
    <xf numFmtId="0" fontId="0" fillId="0" borderId="7" xfId="0" applyBorder="1">
      <alignment vertical="center"/>
    </xf>
    <xf numFmtId="0" fontId="0" fillId="0" borderId="0" xfId="0" applyBorder="1">
      <alignment vertical="center"/>
    </xf>
    <xf numFmtId="0" fontId="0" fillId="0" borderId="17" xfId="0" applyBorder="1">
      <alignment vertical="center"/>
    </xf>
    <xf numFmtId="0" fontId="0" fillId="0" borderId="28" xfId="0" applyBorder="1">
      <alignment vertical="center"/>
    </xf>
    <xf numFmtId="0" fontId="0" fillId="0" borderId="15" xfId="0" applyBorder="1">
      <alignment vertical="center"/>
    </xf>
    <xf numFmtId="0" fontId="0" fillId="0" borderId="20" xfId="0" applyBorder="1">
      <alignment vertical="center"/>
    </xf>
    <xf numFmtId="0" fontId="0" fillId="2" borderId="2" xfId="0" applyFill="1" applyBorder="1">
      <alignment vertical="center"/>
    </xf>
    <xf numFmtId="0" fontId="0" fillId="2" borderId="32" xfId="0" applyFill="1" applyBorder="1">
      <alignment vertical="center"/>
    </xf>
    <xf numFmtId="0" fontId="0" fillId="2" borderId="15" xfId="0" applyFill="1" applyBorder="1">
      <alignment vertical="center"/>
    </xf>
    <xf numFmtId="0" fontId="0" fillId="2" borderId="20" xfId="0" applyFill="1" applyBorder="1">
      <alignment vertical="center"/>
    </xf>
    <xf numFmtId="0" fontId="6" fillId="2" borderId="15" xfId="0" applyFont="1" applyFill="1" applyBorder="1" applyAlignment="1">
      <alignment horizontal="center" vertical="center"/>
    </xf>
    <xf numFmtId="0" fontId="0" fillId="0" borderId="22" xfId="0" applyBorder="1">
      <alignment vertical="center"/>
    </xf>
    <xf numFmtId="0" fontId="0" fillId="0" borderId="8" xfId="0" applyBorder="1">
      <alignment vertical="center"/>
    </xf>
    <xf numFmtId="0" fontId="0" fillId="0" borderId="23" xfId="0" applyBorder="1">
      <alignment vertical="center"/>
    </xf>
    <xf numFmtId="0" fontId="7" fillId="0" borderId="21" xfId="0" applyFont="1" applyBorder="1" applyAlignment="1">
      <alignment horizontal="center" vertical="center" wrapText="1"/>
    </xf>
    <xf numFmtId="0" fontId="7" fillId="0" borderId="12" xfId="0" applyFont="1" applyBorder="1" applyAlignment="1">
      <alignment horizontal="center" vertical="center" wrapText="1"/>
    </xf>
    <xf numFmtId="0" fontId="7" fillId="0" borderId="22" xfId="0" applyFont="1" applyBorder="1" applyAlignment="1">
      <alignment horizontal="center" vertical="center" wrapText="1"/>
    </xf>
    <xf numFmtId="0" fontId="7" fillId="0" borderId="7" xfId="0" applyFont="1" applyBorder="1" applyAlignment="1">
      <alignment horizontal="center" vertical="center" wrapText="1"/>
    </xf>
    <xf numFmtId="0" fontId="7" fillId="0" borderId="0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0" fontId="7" fillId="0" borderId="28" xfId="0" applyFont="1" applyBorder="1" applyAlignment="1">
      <alignment horizontal="center" vertical="center" wrapText="1"/>
    </xf>
    <xf numFmtId="0" fontId="7" fillId="0" borderId="15" xfId="0" applyFont="1" applyBorder="1" applyAlignment="1">
      <alignment horizontal="center" vertical="center" wrapText="1"/>
    </xf>
    <xf numFmtId="0" fontId="7" fillId="0" borderId="23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5" xfId="0" applyFont="1" applyBorder="1" applyAlignment="1">
      <alignment horizontal="center" vertical="center" wrapText="1"/>
    </xf>
    <xf numFmtId="0" fontId="7" fillId="0" borderId="6" xfId="0" applyFont="1" applyBorder="1" applyAlignment="1">
      <alignment horizontal="center" vertical="center" wrapText="1"/>
    </xf>
    <xf numFmtId="0" fontId="0" fillId="0" borderId="11" xfId="0" applyBorder="1" applyAlignment="1">
      <alignment horizontal="center" vertical="center" wrapText="1"/>
    </xf>
    <xf numFmtId="0" fontId="0" fillId="0" borderId="12" xfId="0" applyBorder="1" applyAlignment="1">
      <alignment horizontal="center" vertical="center" wrapText="1"/>
    </xf>
    <xf numFmtId="0" fontId="0" fillId="0" borderId="22" xfId="0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0" xfId="0" applyBorder="1" applyAlignment="1">
      <alignment horizontal="center" vertical="center" wrapText="1"/>
    </xf>
    <xf numFmtId="0" fontId="0" fillId="0" borderId="8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0" fontId="0" fillId="0" borderId="15" xfId="0" applyBorder="1" applyAlignment="1">
      <alignment horizontal="center" vertical="center" wrapText="1"/>
    </xf>
    <xf numFmtId="0" fontId="0" fillId="0" borderId="23" xfId="0" applyBorder="1" applyAlignment="1">
      <alignment horizontal="center" vertical="center" wrapText="1"/>
    </xf>
    <xf numFmtId="38" fontId="5" fillId="0" borderId="28" xfId="1" applyFont="1" applyBorder="1">
      <alignment vertical="center"/>
    </xf>
    <xf numFmtId="38" fontId="5" fillId="0" borderId="15" xfId="1" applyFont="1" applyBorder="1">
      <alignment vertical="center"/>
    </xf>
    <xf numFmtId="38" fontId="5" fillId="0" borderId="23" xfId="1" applyFont="1" applyBorder="1">
      <alignment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0" fillId="0" borderId="26" xfId="0" applyBorder="1" applyAlignment="1">
      <alignment horizontal="center" vertical="center"/>
    </xf>
    <xf numFmtId="0" fontId="0" fillId="2" borderId="1" xfId="0" applyFill="1" applyBorder="1">
      <alignment vertical="center"/>
    </xf>
    <xf numFmtId="38" fontId="5" fillId="0" borderId="7" xfId="1" applyFont="1" applyBorder="1" applyAlignment="1">
      <alignment horizontal="center" vertical="center"/>
    </xf>
    <xf numFmtId="38" fontId="5" fillId="0" borderId="0" xfId="1" applyFont="1" applyBorder="1" applyAlignment="1">
      <alignment horizontal="center" vertical="center"/>
    </xf>
    <xf numFmtId="38" fontId="5" fillId="0" borderId="8" xfId="1" applyFont="1" applyBorder="1" applyAlignment="1">
      <alignment horizontal="center" vertical="center"/>
    </xf>
    <xf numFmtId="38" fontId="5" fillId="0" borderId="28" xfId="1" applyFont="1" applyBorder="1" applyAlignment="1">
      <alignment horizontal="center" vertical="center"/>
    </xf>
    <xf numFmtId="38" fontId="5" fillId="0" borderId="15" xfId="1" applyFont="1" applyBorder="1" applyAlignment="1">
      <alignment horizontal="center" vertical="center"/>
    </xf>
    <xf numFmtId="38" fontId="5" fillId="0" borderId="23" xfId="1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7" fillId="0" borderId="7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7" fillId="0" borderId="8" xfId="0" applyFont="1" applyBorder="1" applyAlignment="1">
      <alignment horizontal="center" vertical="center"/>
    </xf>
    <xf numFmtId="38" fontId="5" fillId="2" borderId="28" xfId="1" applyFont="1" applyFill="1" applyBorder="1">
      <alignment vertical="center"/>
    </xf>
    <xf numFmtId="38" fontId="5" fillId="2" borderId="15" xfId="1" applyFont="1" applyFill="1" applyBorder="1">
      <alignment vertical="center"/>
    </xf>
    <xf numFmtId="38" fontId="5" fillId="2" borderId="23" xfId="1" applyFont="1" applyFill="1" applyBorder="1">
      <alignment vertical="center"/>
    </xf>
    <xf numFmtId="0" fontId="7" fillId="0" borderId="21" xfId="0" applyFont="1" applyBorder="1" applyAlignment="1">
      <alignment horizontal="center" vertical="center"/>
    </xf>
    <xf numFmtId="0" fontId="7" fillId="0" borderId="12" xfId="0" applyFont="1" applyBorder="1" applyAlignment="1">
      <alignment horizontal="center" vertical="center"/>
    </xf>
    <xf numFmtId="0" fontId="7" fillId="0" borderId="22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6</xdr:col>
      <xdr:colOff>0</xdr:colOff>
      <xdr:row>45</xdr:row>
      <xdr:rowOff>0</xdr:rowOff>
    </xdr:from>
    <xdr:to>
      <xdr:col>19</xdr:col>
      <xdr:colOff>0</xdr:colOff>
      <xdr:row>51</xdr:row>
      <xdr:rowOff>0</xdr:rowOff>
    </xdr:to>
    <xdr:sp macro="" textlink="">
      <xdr:nvSpPr>
        <xdr:cNvPr id="1025" name="Line 1"/>
        <xdr:cNvSpPr>
          <a:spLocks noChangeShapeType="1"/>
        </xdr:cNvSpPr>
      </xdr:nvSpPr>
      <xdr:spPr bwMode="auto">
        <a:xfrm flipH="1">
          <a:off x="3657600" y="7705725"/>
          <a:ext cx="704850" cy="10382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9</xdr:col>
      <xdr:colOff>0</xdr:colOff>
      <xdr:row>45</xdr:row>
      <xdr:rowOff>9525</xdr:rowOff>
    </xdr:from>
    <xdr:to>
      <xdr:col>22</xdr:col>
      <xdr:colOff>9525</xdr:colOff>
      <xdr:row>51</xdr:row>
      <xdr:rowOff>0</xdr:rowOff>
    </xdr:to>
    <xdr:sp macro="" textlink="">
      <xdr:nvSpPr>
        <xdr:cNvPr id="1026" name="Line 2"/>
        <xdr:cNvSpPr>
          <a:spLocks noChangeShapeType="1"/>
        </xdr:cNvSpPr>
      </xdr:nvSpPr>
      <xdr:spPr bwMode="auto">
        <a:xfrm flipH="1">
          <a:off x="4362450" y="7715250"/>
          <a:ext cx="723900" cy="102870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8</xdr:col>
      <xdr:colOff>9525</xdr:colOff>
      <xdr:row>45</xdr:row>
      <xdr:rowOff>0</xdr:rowOff>
    </xdr:from>
    <xdr:to>
      <xdr:col>30</xdr:col>
      <xdr:colOff>228600</xdr:colOff>
      <xdr:row>51</xdr:row>
      <xdr:rowOff>0</xdr:rowOff>
    </xdr:to>
    <xdr:sp macro="" textlink="">
      <xdr:nvSpPr>
        <xdr:cNvPr id="1027" name="Line 3"/>
        <xdr:cNvSpPr>
          <a:spLocks noChangeShapeType="1"/>
        </xdr:cNvSpPr>
      </xdr:nvSpPr>
      <xdr:spPr bwMode="auto">
        <a:xfrm flipH="1">
          <a:off x="6515100" y="7705725"/>
          <a:ext cx="695325" cy="10382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4" Type="http://schemas.openxmlformats.org/officeDocument/2006/relationships/comments" Target="../comments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B1:AY54"/>
  <sheetViews>
    <sheetView tabSelected="1" topLeftCell="B1" workbookViewId="0">
      <selection activeCell="B2" sqref="B2:AY2"/>
    </sheetView>
  </sheetViews>
  <sheetFormatPr defaultRowHeight="13.5"/>
  <cols>
    <col min="1" max="1" width="1.625" customWidth="1"/>
    <col min="2" max="2" width="3.125" customWidth="1"/>
    <col min="3" max="3" width="2.5" customWidth="1"/>
    <col min="4" max="4" width="3.125" customWidth="1"/>
    <col min="5" max="5" width="2.5" customWidth="1"/>
    <col min="6" max="6" width="3.125" customWidth="1"/>
    <col min="7" max="7" width="2.5" customWidth="1"/>
    <col min="8" max="9" width="3.125" customWidth="1"/>
    <col min="10" max="10" width="4.5" customWidth="1"/>
    <col min="11" max="17" width="3.125" customWidth="1"/>
    <col min="18" max="18" width="3" customWidth="1"/>
    <col min="19" max="32" width="3.125" customWidth="1"/>
    <col min="33" max="33" width="3.5" customWidth="1"/>
    <col min="34" max="35" width="3.125" customWidth="1"/>
    <col min="36" max="36" width="3.5" customWidth="1"/>
    <col min="37" max="71" width="3.125" customWidth="1"/>
  </cols>
  <sheetData>
    <row r="1" spans="2:51">
      <c r="B1" t="s">
        <v>55</v>
      </c>
    </row>
    <row r="2" spans="2:51" ht="15.75" customHeight="1">
      <c r="B2" s="148" t="s">
        <v>36</v>
      </c>
      <c r="C2" s="148"/>
      <c r="D2" s="148"/>
      <c r="E2" s="148"/>
      <c r="F2" s="148"/>
      <c r="G2" s="148"/>
      <c r="H2" s="148"/>
      <c r="I2" s="148"/>
      <c r="J2" s="148"/>
      <c r="K2" s="148"/>
      <c r="L2" s="148"/>
      <c r="M2" s="148"/>
      <c r="N2" s="148"/>
      <c r="O2" s="148"/>
      <c r="P2" s="148"/>
      <c r="Q2" s="148"/>
      <c r="R2" s="148"/>
      <c r="S2" s="148"/>
      <c r="T2" s="148"/>
      <c r="U2" s="148"/>
      <c r="V2" s="148"/>
      <c r="W2" s="148"/>
      <c r="X2" s="148"/>
      <c r="Y2" s="148"/>
      <c r="Z2" s="148"/>
      <c r="AA2" s="148"/>
      <c r="AB2" s="148"/>
      <c r="AC2" s="148"/>
      <c r="AD2" s="148"/>
      <c r="AE2" s="148"/>
      <c r="AF2" s="148"/>
      <c r="AG2" s="148"/>
      <c r="AH2" s="148"/>
      <c r="AI2" s="148"/>
      <c r="AJ2" s="148"/>
      <c r="AK2" s="148"/>
      <c r="AL2" s="148"/>
      <c r="AM2" s="148"/>
      <c r="AN2" s="148"/>
      <c r="AO2" s="148"/>
      <c r="AP2" s="148"/>
      <c r="AQ2" s="148"/>
      <c r="AR2" s="148"/>
      <c r="AS2" s="148"/>
      <c r="AT2" s="148"/>
      <c r="AU2" s="148"/>
      <c r="AV2" s="148"/>
      <c r="AW2" s="148"/>
      <c r="AX2" s="148"/>
      <c r="AY2" s="148"/>
    </row>
    <row r="3" spans="2:51" ht="8.25" customHeight="1" thickBot="1"/>
    <row r="4" spans="2:51">
      <c r="B4" s="77" t="s">
        <v>31</v>
      </c>
      <c r="C4" s="78"/>
      <c r="D4" s="78"/>
      <c r="E4" s="78"/>
      <c r="F4" s="78"/>
      <c r="G4" s="103"/>
      <c r="H4" s="103"/>
      <c r="I4" s="103"/>
      <c r="J4" s="103"/>
      <c r="K4" s="103"/>
      <c r="L4" s="103"/>
      <c r="M4" s="103"/>
      <c r="N4" s="103"/>
      <c r="O4" s="103"/>
      <c r="P4" s="103"/>
      <c r="Q4" s="103"/>
      <c r="R4" s="103"/>
      <c r="S4" s="104"/>
      <c r="T4" s="17" t="s">
        <v>50</v>
      </c>
      <c r="U4" s="18"/>
      <c r="V4" s="18"/>
      <c r="W4" s="44" t="s">
        <v>56</v>
      </c>
      <c r="X4" s="53"/>
      <c r="Y4" s="43" t="s">
        <v>1</v>
      </c>
      <c r="Z4" s="53"/>
      <c r="AA4" s="43" t="s">
        <v>2</v>
      </c>
      <c r="AB4" s="53"/>
      <c r="AC4" s="45" t="s">
        <v>3</v>
      </c>
      <c r="AD4" s="24"/>
      <c r="AE4" s="2"/>
      <c r="AF4" s="2" t="s">
        <v>33</v>
      </c>
      <c r="AG4" s="2" t="s">
        <v>34</v>
      </c>
      <c r="AH4" s="2"/>
      <c r="AI4" s="2"/>
      <c r="AJ4" s="2"/>
      <c r="AK4" s="2"/>
      <c r="AL4" s="2"/>
      <c r="AM4" s="2"/>
      <c r="AN4" s="2"/>
      <c r="AO4" s="2"/>
      <c r="AP4" s="2"/>
      <c r="AQ4" s="2"/>
      <c r="AR4" s="2"/>
      <c r="AS4" s="2"/>
      <c r="AT4" s="2"/>
      <c r="AU4" s="2"/>
      <c r="AV4" s="2"/>
      <c r="AW4" s="2"/>
      <c r="AX4" s="2"/>
      <c r="AY4" s="3"/>
    </row>
    <row r="5" spans="2:51" ht="14.25" thickBot="1">
      <c r="B5" s="100"/>
      <c r="C5" s="101"/>
      <c r="D5" s="101"/>
      <c r="E5" s="101"/>
      <c r="F5" s="101"/>
      <c r="G5" s="105"/>
      <c r="H5" s="105"/>
      <c r="I5" s="105"/>
      <c r="J5" s="105"/>
      <c r="K5" s="105"/>
      <c r="L5" s="105"/>
      <c r="M5" s="105"/>
      <c r="N5" s="105"/>
      <c r="O5" s="105"/>
      <c r="P5" s="105"/>
      <c r="Q5" s="105"/>
      <c r="R5" s="105"/>
      <c r="S5" s="106"/>
      <c r="T5" s="126" t="s">
        <v>51</v>
      </c>
      <c r="U5" s="127"/>
      <c r="V5" s="7"/>
      <c r="W5" s="49" t="s">
        <v>56</v>
      </c>
      <c r="X5" s="54"/>
      <c r="Y5" s="37" t="s">
        <v>1</v>
      </c>
      <c r="Z5" s="54"/>
      <c r="AA5" s="37" t="s">
        <v>2</v>
      </c>
      <c r="AB5" s="54"/>
      <c r="AC5" s="46" t="s">
        <v>3</v>
      </c>
      <c r="AD5" s="22"/>
      <c r="AE5" s="7"/>
      <c r="AF5" s="7"/>
      <c r="AG5" s="7" t="s">
        <v>46</v>
      </c>
      <c r="AH5" s="7"/>
      <c r="AI5" s="7"/>
      <c r="AJ5" s="7"/>
      <c r="AK5" s="7"/>
      <c r="AL5" s="7"/>
      <c r="AM5" s="7"/>
      <c r="AN5" s="7"/>
      <c r="AO5" s="7"/>
      <c r="AP5" s="7"/>
      <c r="AQ5" s="7"/>
      <c r="AR5" s="7"/>
      <c r="AS5" s="7"/>
      <c r="AT5" s="7"/>
      <c r="AU5" s="7"/>
      <c r="AV5" s="7"/>
      <c r="AW5" s="7"/>
      <c r="AX5" s="7"/>
      <c r="AY5" s="9"/>
    </row>
    <row r="6" spans="2:51">
      <c r="B6" s="17" t="s">
        <v>57</v>
      </c>
      <c r="C6" s="18"/>
      <c r="D6" s="18"/>
      <c r="E6" s="18"/>
      <c r="F6" s="18"/>
      <c r="G6" s="18"/>
      <c r="H6" s="18"/>
      <c r="I6" s="18"/>
      <c r="J6" s="18"/>
      <c r="K6" s="27"/>
      <c r="L6" s="56"/>
      <c r="M6" s="18" t="s">
        <v>1</v>
      </c>
      <c r="N6" s="56"/>
      <c r="O6" s="18" t="s">
        <v>2</v>
      </c>
      <c r="P6" s="56"/>
      <c r="Q6" s="18" t="s">
        <v>3</v>
      </c>
      <c r="R6" s="18"/>
      <c r="S6" s="19"/>
      <c r="T6" s="126"/>
      <c r="U6" s="127"/>
      <c r="V6" s="7"/>
      <c r="W6" s="7"/>
      <c r="X6" s="7"/>
      <c r="Y6" s="7"/>
      <c r="Z6" s="7" t="s">
        <v>32</v>
      </c>
      <c r="AA6" s="7"/>
      <c r="AB6" s="7"/>
      <c r="AC6" s="23"/>
      <c r="AD6" s="22"/>
      <c r="AE6" s="7"/>
      <c r="AF6" s="7" t="s">
        <v>33</v>
      </c>
      <c r="AG6" s="7" t="s">
        <v>35</v>
      </c>
      <c r="AH6" s="7"/>
      <c r="AI6" s="7"/>
      <c r="AJ6" s="7"/>
      <c r="AK6" s="7"/>
      <c r="AL6" s="7"/>
      <c r="AM6" s="7"/>
      <c r="AN6" s="7"/>
      <c r="AO6" s="7"/>
      <c r="AP6" s="7"/>
      <c r="AQ6" s="7"/>
      <c r="AR6" s="7"/>
      <c r="AS6" s="7"/>
      <c r="AT6" s="7"/>
      <c r="AU6" s="7"/>
      <c r="AV6" s="7"/>
      <c r="AW6" s="7"/>
      <c r="AX6" s="7"/>
      <c r="AY6" s="9"/>
    </row>
    <row r="7" spans="2:51" ht="14.25" thickBot="1">
      <c r="B7" s="20" t="s">
        <v>29</v>
      </c>
      <c r="C7" s="21"/>
      <c r="D7" s="21"/>
      <c r="E7" s="21"/>
      <c r="F7" s="21"/>
      <c r="G7" s="21"/>
      <c r="H7" s="21"/>
      <c r="I7" s="28"/>
      <c r="J7" s="57"/>
      <c r="K7" s="62" t="s">
        <v>30</v>
      </c>
      <c r="L7" s="90"/>
      <c r="M7" s="90"/>
      <c r="N7" s="90"/>
      <c r="O7" s="90"/>
      <c r="P7" s="90"/>
      <c r="Q7" s="28"/>
      <c r="R7" s="28"/>
      <c r="S7" s="29"/>
      <c r="T7" s="129"/>
      <c r="U7" s="130"/>
      <c r="V7" s="21"/>
      <c r="W7" s="50" t="s">
        <v>56</v>
      </c>
      <c r="X7" s="55"/>
      <c r="Y7" s="47" t="s">
        <v>1</v>
      </c>
      <c r="Z7" s="55"/>
      <c r="AA7" s="47" t="s">
        <v>2</v>
      </c>
      <c r="AB7" s="55"/>
      <c r="AC7" s="48" t="s">
        <v>3</v>
      </c>
      <c r="AD7" s="25"/>
      <c r="AE7" s="5"/>
      <c r="AF7" s="5"/>
      <c r="AG7" s="5" t="s">
        <v>49</v>
      </c>
      <c r="AH7" s="5"/>
      <c r="AI7" s="5"/>
      <c r="AJ7" s="5"/>
      <c r="AK7" s="5"/>
      <c r="AL7" s="5"/>
      <c r="AM7" s="5"/>
      <c r="AN7" s="5"/>
      <c r="AO7" s="5"/>
      <c r="AP7" s="5"/>
      <c r="AQ7" s="5"/>
      <c r="AR7" s="5"/>
      <c r="AS7" s="5"/>
      <c r="AT7" s="5"/>
      <c r="AU7" s="5"/>
      <c r="AV7" s="5"/>
      <c r="AW7" s="5"/>
      <c r="AX7" s="5"/>
      <c r="AY7" s="6"/>
    </row>
    <row r="8" spans="2:51">
      <c r="B8" s="91" t="s">
        <v>0</v>
      </c>
      <c r="C8" s="92"/>
      <c r="D8" s="92"/>
      <c r="E8" s="92"/>
      <c r="F8" s="92"/>
      <c r="G8" s="93"/>
      <c r="H8" s="135" t="s">
        <v>27</v>
      </c>
      <c r="I8" s="136"/>
      <c r="J8" s="136"/>
      <c r="K8" s="136"/>
      <c r="L8" s="136"/>
      <c r="M8" s="136"/>
      <c r="N8" s="136"/>
      <c r="O8" s="136"/>
      <c r="P8" s="136"/>
      <c r="Q8" s="136"/>
      <c r="R8" s="136"/>
      <c r="S8" s="137"/>
      <c r="T8" s="135" t="s">
        <v>26</v>
      </c>
      <c r="U8" s="136"/>
      <c r="V8" s="136"/>
      <c r="W8" s="136"/>
      <c r="X8" s="136"/>
      <c r="Y8" s="136"/>
      <c r="Z8" s="136"/>
      <c r="AA8" s="136"/>
      <c r="AB8" s="136"/>
      <c r="AC8" s="136"/>
      <c r="AD8" s="139"/>
      <c r="AE8" s="140"/>
      <c r="AF8" s="149" t="s">
        <v>25</v>
      </c>
      <c r="AG8" s="150"/>
      <c r="AH8" s="151"/>
      <c r="AI8" s="138" t="s">
        <v>18</v>
      </c>
      <c r="AJ8" s="139"/>
      <c r="AK8" s="139"/>
      <c r="AL8" s="139"/>
      <c r="AM8" s="139"/>
      <c r="AN8" s="139"/>
      <c r="AO8" s="139"/>
      <c r="AP8" s="140"/>
      <c r="AQ8" s="149" t="s">
        <v>20</v>
      </c>
      <c r="AR8" s="150"/>
      <c r="AS8" s="150"/>
      <c r="AT8" s="150"/>
      <c r="AU8" s="150"/>
      <c r="AV8" s="151"/>
      <c r="AW8" s="149" t="s">
        <v>28</v>
      </c>
      <c r="AX8" s="150"/>
      <c r="AY8" s="151"/>
    </row>
    <row r="9" spans="2:51">
      <c r="B9" s="135" t="s">
        <v>12</v>
      </c>
      <c r="C9" s="136"/>
      <c r="D9" s="136"/>
      <c r="E9" s="136"/>
      <c r="F9" s="136"/>
      <c r="G9" s="137"/>
      <c r="H9" s="138" t="s">
        <v>22</v>
      </c>
      <c r="I9" s="139"/>
      <c r="J9" s="140"/>
      <c r="K9" s="138" t="s">
        <v>13</v>
      </c>
      <c r="L9" s="139"/>
      <c r="M9" s="139"/>
      <c r="N9" s="139"/>
      <c r="O9" s="139"/>
      <c r="P9" s="140"/>
      <c r="Q9" s="138" t="s">
        <v>14</v>
      </c>
      <c r="R9" s="139"/>
      <c r="S9" s="140"/>
      <c r="T9" s="138" t="s">
        <v>23</v>
      </c>
      <c r="U9" s="139"/>
      <c r="V9" s="140"/>
      <c r="W9" s="138" t="s">
        <v>15</v>
      </c>
      <c r="X9" s="139"/>
      <c r="Y9" s="139"/>
      <c r="Z9" s="139"/>
      <c r="AA9" s="139"/>
      <c r="AB9" s="140"/>
      <c r="AC9" s="138" t="s">
        <v>16</v>
      </c>
      <c r="AD9" s="139"/>
      <c r="AE9" s="140"/>
      <c r="AF9" s="135" t="s">
        <v>17</v>
      </c>
      <c r="AG9" s="136"/>
      <c r="AH9" s="137"/>
      <c r="AI9" s="138" t="s">
        <v>19</v>
      </c>
      <c r="AJ9" s="139"/>
      <c r="AK9" s="140"/>
      <c r="AL9" s="138" t="s">
        <v>24</v>
      </c>
      <c r="AM9" s="139"/>
      <c r="AN9" s="139"/>
      <c r="AO9" s="139"/>
      <c r="AP9" s="140"/>
      <c r="AQ9" s="135" t="s">
        <v>21</v>
      </c>
      <c r="AR9" s="136"/>
      <c r="AS9" s="136"/>
      <c r="AT9" s="136"/>
      <c r="AU9" s="136"/>
      <c r="AV9" s="137"/>
      <c r="AW9" s="135"/>
      <c r="AX9" s="136"/>
      <c r="AY9" s="137"/>
    </row>
    <row r="10" spans="2:51">
      <c r="B10" s="1" t="s">
        <v>48</v>
      </c>
      <c r="C10" s="2"/>
      <c r="D10" s="2"/>
      <c r="E10" s="2"/>
      <c r="F10" s="2"/>
      <c r="G10" s="2"/>
      <c r="H10" s="1"/>
      <c r="I10" s="2"/>
      <c r="J10" s="26" t="s">
        <v>4</v>
      </c>
      <c r="K10" s="11" t="s">
        <v>5</v>
      </c>
      <c r="L10" s="12"/>
      <c r="M10" s="71"/>
      <c r="N10" s="71"/>
      <c r="O10" s="71"/>
      <c r="P10" s="72"/>
      <c r="Q10" s="141"/>
      <c r="R10" s="103"/>
      <c r="S10" s="26" t="s">
        <v>4</v>
      </c>
      <c r="T10" s="1"/>
      <c r="U10" s="2"/>
      <c r="V10" s="26" t="s">
        <v>4</v>
      </c>
      <c r="W10" s="11" t="s">
        <v>6</v>
      </c>
      <c r="X10" s="12"/>
      <c r="Y10" s="71"/>
      <c r="Z10" s="71"/>
      <c r="AA10" s="71"/>
      <c r="AB10" s="72"/>
      <c r="AC10" s="1"/>
      <c r="AD10" s="2"/>
      <c r="AE10" s="26" t="s">
        <v>4</v>
      </c>
      <c r="AF10" s="1"/>
      <c r="AG10" s="2"/>
      <c r="AH10" s="26" t="s">
        <v>4</v>
      </c>
      <c r="AI10" s="1"/>
      <c r="AJ10" s="2"/>
      <c r="AK10" s="26" t="s">
        <v>7</v>
      </c>
      <c r="AL10" s="1"/>
      <c r="AM10" s="2"/>
      <c r="AN10" s="2"/>
      <c r="AO10" s="2"/>
      <c r="AP10" s="3"/>
      <c r="AQ10" s="1"/>
      <c r="AR10" s="2"/>
      <c r="AS10" s="2"/>
      <c r="AT10" s="2"/>
      <c r="AU10" s="2"/>
      <c r="AV10" s="3"/>
      <c r="AW10" s="1"/>
      <c r="AX10" s="2"/>
      <c r="AY10" s="3"/>
    </row>
    <row r="11" spans="2:51">
      <c r="B11" s="51"/>
      <c r="C11" s="7" t="s">
        <v>1</v>
      </c>
      <c r="D11" s="52"/>
      <c r="E11" s="7" t="s">
        <v>2</v>
      </c>
      <c r="F11" s="52"/>
      <c r="G11" s="7" t="s">
        <v>3</v>
      </c>
      <c r="H11" s="79"/>
      <c r="I11" s="80"/>
      <c r="J11" s="81"/>
      <c r="K11" s="73"/>
      <c r="L11" s="74"/>
      <c r="M11" s="74"/>
      <c r="N11" s="74"/>
      <c r="O11" s="7"/>
      <c r="P11" s="9"/>
      <c r="Q11" s="84" t="str">
        <f>IF(F11="","",Q10+H11+K11)</f>
        <v/>
      </c>
      <c r="R11" s="85"/>
      <c r="S11" s="86"/>
      <c r="T11" s="79"/>
      <c r="U11" s="80"/>
      <c r="V11" s="81"/>
      <c r="W11" s="73"/>
      <c r="X11" s="74"/>
      <c r="Y11" s="74"/>
      <c r="Z11" s="74"/>
      <c r="AA11" s="7"/>
      <c r="AB11" s="9"/>
      <c r="AC11" s="84" t="str">
        <f>IF(F11="","",T11+W11)</f>
        <v/>
      </c>
      <c r="AD11" s="85"/>
      <c r="AE11" s="86"/>
      <c r="AF11" s="84" t="str">
        <f>IF(F11="","",Q11-AC11)</f>
        <v/>
      </c>
      <c r="AG11" s="85"/>
      <c r="AH11" s="86"/>
      <c r="AI11" s="79"/>
      <c r="AJ11" s="80"/>
      <c r="AK11" s="81"/>
      <c r="AL11" s="51"/>
      <c r="AM11" s="7" t="s">
        <v>1</v>
      </c>
      <c r="AN11" s="52"/>
      <c r="AO11" s="7" t="s">
        <v>8</v>
      </c>
      <c r="AP11" s="9"/>
      <c r="AQ11" s="51"/>
      <c r="AR11" s="7" t="s">
        <v>1</v>
      </c>
      <c r="AS11" s="52"/>
      <c r="AT11" s="7" t="s">
        <v>2</v>
      </c>
      <c r="AU11" s="52"/>
      <c r="AV11" s="9" t="s">
        <v>3</v>
      </c>
      <c r="AW11" s="14"/>
      <c r="AX11" s="15"/>
      <c r="AY11" s="16"/>
    </row>
    <row r="12" spans="2:51">
      <c r="B12" s="4"/>
      <c r="C12" s="5"/>
      <c r="D12" s="5"/>
      <c r="E12" s="5"/>
      <c r="F12" s="5"/>
      <c r="G12" s="5"/>
      <c r="H12" s="75"/>
      <c r="I12" s="76"/>
      <c r="J12" s="82"/>
      <c r="K12" s="75"/>
      <c r="L12" s="76"/>
      <c r="M12" s="76"/>
      <c r="N12" s="76"/>
      <c r="O12" s="5"/>
      <c r="P12" s="10" t="s">
        <v>4</v>
      </c>
      <c r="Q12" s="87"/>
      <c r="R12" s="88"/>
      <c r="S12" s="89"/>
      <c r="T12" s="75"/>
      <c r="U12" s="76"/>
      <c r="V12" s="82"/>
      <c r="W12" s="75"/>
      <c r="X12" s="76"/>
      <c r="Y12" s="76"/>
      <c r="Z12" s="76"/>
      <c r="AA12" s="5"/>
      <c r="AB12" s="10" t="s">
        <v>4</v>
      </c>
      <c r="AC12" s="87"/>
      <c r="AD12" s="88"/>
      <c r="AE12" s="89"/>
      <c r="AF12" s="87"/>
      <c r="AG12" s="88"/>
      <c r="AH12" s="89"/>
      <c r="AI12" s="75"/>
      <c r="AJ12" s="76"/>
      <c r="AK12" s="82"/>
      <c r="AL12" s="4"/>
      <c r="AM12" s="5"/>
      <c r="AN12" s="5"/>
      <c r="AO12" s="5"/>
      <c r="AP12" s="6"/>
      <c r="AQ12" s="13" t="s">
        <v>10</v>
      </c>
      <c r="AR12" s="83"/>
      <c r="AS12" s="83"/>
      <c r="AT12" s="83"/>
      <c r="AU12" s="5" t="s">
        <v>11</v>
      </c>
      <c r="AV12" s="6" t="s">
        <v>9</v>
      </c>
      <c r="AW12" s="4"/>
      <c r="AX12" s="5"/>
      <c r="AY12" s="6"/>
    </row>
    <row r="13" spans="2:51">
      <c r="B13" s="1"/>
      <c r="C13" s="2"/>
      <c r="D13" s="2"/>
      <c r="E13" s="2"/>
      <c r="F13" s="2"/>
      <c r="G13" s="2"/>
      <c r="H13" s="1"/>
      <c r="I13" s="2"/>
      <c r="J13" s="26" t="s">
        <v>4</v>
      </c>
      <c r="K13" s="11" t="s">
        <v>5</v>
      </c>
      <c r="L13" s="12"/>
      <c r="M13" s="71"/>
      <c r="N13" s="71"/>
      <c r="O13" s="71"/>
      <c r="P13" s="72"/>
      <c r="Q13" s="77"/>
      <c r="R13" s="78"/>
      <c r="S13" s="26" t="s">
        <v>4</v>
      </c>
      <c r="T13" s="1"/>
      <c r="U13" s="2"/>
      <c r="V13" s="26" t="s">
        <v>4</v>
      </c>
      <c r="W13" s="11" t="s">
        <v>6</v>
      </c>
      <c r="X13" s="12"/>
      <c r="Y13" s="71"/>
      <c r="Z13" s="71"/>
      <c r="AA13" s="71"/>
      <c r="AB13" s="72"/>
      <c r="AC13" s="1"/>
      <c r="AD13" s="2"/>
      <c r="AE13" s="26" t="s">
        <v>4</v>
      </c>
      <c r="AF13" s="1"/>
      <c r="AG13" s="2"/>
      <c r="AH13" s="26" t="s">
        <v>4</v>
      </c>
      <c r="AI13" s="1"/>
      <c r="AJ13" s="2"/>
      <c r="AK13" s="26" t="s">
        <v>7</v>
      </c>
      <c r="AL13" s="1"/>
      <c r="AM13" s="2"/>
      <c r="AN13" s="2"/>
      <c r="AO13" s="2"/>
      <c r="AP13" s="3"/>
      <c r="AQ13" s="1"/>
      <c r="AR13" s="2"/>
      <c r="AS13" s="2"/>
      <c r="AT13" s="2"/>
      <c r="AU13" s="2"/>
      <c r="AV13" s="3"/>
      <c r="AW13" s="1"/>
      <c r="AX13" s="2"/>
      <c r="AY13" s="3"/>
    </row>
    <row r="14" spans="2:51" ht="13.5" customHeight="1">
      <c r="B14" s="51"/>
      <c r="C14" s="7" t="s">
        <v>1</v>
      </c>
      <c r="D14" s="52"/>
      <c r="E14" s="7" t="s">
        <v>2</v>
      </c>
      <c r="F14" s="52"/>
      <c r="G14" s="7" t="s">
        <v>3</v>
      </c>
      <c r="H14" s="79"/>
      <c r="I14" s="80"/>
      <c r="J14" s="81"/>
      <c r="K14" s="73"/>
      <c r="L14" s="74"/>
      <c r="M14" s="74"/>
      <c r="N14" s="74"/>
      <c r="O14" s="7"/>
      <c r="P14" s="9"/>
      <c r="Q14" s="84" t="str">
        <f>IF(F14="","",Q11+H14+K14)</f>
        <v/>
      </c>
      <c r="R14" s="85"/>
      <c r="S14" s="86"/>
      <c r="T14" s="79"/>
      <c r="U14" s="80"/>
      <c r="V14" s="81"/>
      <c r="W14" s="73"/>
      <c r="X14" s="74"/>
      <c r="Y14" s="74"/>
      <c r="Z14" s="74"/>
      <c r="AA14" s="7"/>
      <c r="AB14" s="9"/>
      <c r="AC14" s="84" t="str">
        <f>IF(F14="","",AC11+T14+W14)</f>
        <v/>
      </c>
      <c r="AD14" s="85"/>
      <c r="AE14" s="86"/>
      <c r="AF14" s="84" t="str">
        <f>IF(F14="","",Q14-AC14)</f>
        <v/>
      </c>
      <c r="AG14" s="85"/>
      <c r="AH14" s="86"/>
      <c r="AI14" s="79"/>
      <c r="AJ14" s="80"/>
      <c r="AK14" s="81"/>
      <c r="AL14" s="51"/>
      <c r="AM14" s="7" t="s">
        <v>1</v>
      </c>
      <c r="AN14" s="52"/>
      <c r="AO14" s="7" t="s">
        <v>8</v>
      </c>
      <c r="AP14" s="9"/>
      <c r="AQ14" s="51"/>
      <c r="AR14" s="7" t="s">
        <v>1</v>
      </c>
      <c r="AS14" s="52"/>
      <c r="AT14" s="7" t="s">
        <v>2</v>
      </c>
      <c r="AU14" s="52"/>
      <c r="AV14" s="9" t="s">
        <v>3</v>
      </c>
      <c r="AW14" s="14"/>
      <c r="AX14" s="15"/>
      <c r="AY14" s="16"/>
    </row>
    <row r="15" spans="2:51" ht="13.5" customHeight="1">
      <c r="B15" s="4"/>
      <c r="C15" s="5"/>
      <c r="D15" s="5"/>
      <c r="E15" s="5"/>
      <c r="F15" s="5"/>
      <c r="G15" s="5"/>
      <c r="H15" s="75"/>
      <c r="I15" s="76"/>
      <c r="J15" s="82"/>
      <c r="K15" s="75"/>
      <c r="L15" s="76"/>
      <c r="M15" s="76"/>
      <c r="N15" s="76"/>
      <c r="O15" s="5"/>
      <c r="P15" s="10" t="s">
        <v>4</v>
      </c>
      <c r="Q15" s="87"/>
      <c r="R15" s="88"/>
      <c r="S15" s="89"/>
      <c r="T15" s="75"/>
      <c r="U15" s="76"/>
      <c r="V15" s="82"/>
      <c r="W15" s="75"/>
      <c r="X15" s="76"/>
      <c r="Y15" s="76"/>
      <c r="Z15" s="76"/>
      <c r="AA15" s="5"/>
      <c r="AB15" s="10" t="s">
        <v>4</v>
      </c>
      <c r="AC15" s="87"/>
      <c r="AD15" s="88"/>
      <c r="AE15" s="89"/>
      <c r="AF15" s="87"/>
      <c r="AG15" s="88"/>
      <c r="AH15" s="89"/>
      <c r="AI15" s="75"/>
      <c r="AJ15" s="76"/>
      <c r="AK15" s="82"/>
      <c r="AL15" s="4"/>
      <c r="AM15" s="5"/>
      <c r="AN15" s="5"/>
      <c r="AO15" s="5"/>
      <c r="AP15" s="6"/>
      <c r="AQ15" s="13" t="s">
        <v>10</v>
      </c>
      <c r="AR15" s="83"/>
      <c r="AS15" s="83"/>
      <c r="AT15" s="83"/>
      <c r="AU15" s="5" t="s">
        <v>11</v>
      </c>
      <c r="AV15" s="6" t="s">
        <v>9</v>
      </c>
      <c r="AW15" s="4"/>
      <c r="AX15" s="5"/>
      <c r="AY15" s="6"/>
    </row>
    <row r="16" spans="2:51">
      <c r="B16" s="1"/>
      <c r="C16" s="2"/>
      <c r="D16" s="2"/>
      <c r="E16" s="2"/>
      <c r="F16" s="2"/>
      <c r="G16" s="2"/>
      <c r="H16" s="1"/>
      <c r="I16" s="2"/>
      <c r="J16" s="26" t="s">
        <v>4</v>
      </c>
      <c r="K16" s="11" t="s">
        <v>5</v>
      </c>
      <c r="L16" s="12"/>
      <c r="M16" s="71"/>
      <c r="N16" s="71"/>
      <c r="O16" s="71"/>
      <c r="P16" s="72"/>
      <c r="Q16" s="77"/>
      <c r="R16" s="78"/>
      <c r="S16" s="26" t="s">
        <v>4</v>
      </c>
      <c r="T16" s="1"/>
      <c r="U16" s="2"/>
      <c r="V16" s="26" t="s">
        <v>4</v>
      </c>
      <c r="W16" s="11" t="s">
        <v>6</v>
      </c>
      <c r="X16" s="12"/>
      <c r="Y16" s="71"/>
      <c r="Z16" s="71"/>
      <c r="AA16" s="71"/>
      <c r="AB16" s="72"/>
      <c r="AC16" s="1"/>
      <c r="AD16" s="2"/>
      <c r="AE16" s="26" t="s">
        <v>4</v>
      </c>
      <c r="AF16" s="1"/>
      <c r="AG16" s="2"/>
      <c r="AH16" s="26" t="s">
        <v>4</v>
      </c>
      <c r="AI16" s="1"/>
      <c r="AJ16" s="2"/>
      <c r="AK16" s="26" t="s">
        <v>7</v>
      </c>
      <c r="AL16" s="1"/>
      <c r="AM16" s="2"/>
      <c r="AN16" s="2"/>
      <c r="AO16" s="2"/>
      <c r="AP16" s="3"/>
      <c r="AQ16" s="1"/>
      <c r="AR16" s="2"/>
      <c r="AS16" s="2"/>
      <c r="AT16" s="2"/>
      <c r="AU16" s="2"/>
      <c r="AV16" s="3"/>
      <c r="AW16" s="1"/>
      <c r="AX16" s="2"/>
      <c r="AY16" s="3"/>
    </row>
    <row r="17" spans="2:51">
      <c r="B17" s="51"/>
      <c r="C17" s="7" t="s">
        <v>1</v>
      </c>
      <c r="D17" s="52"/>
      <c r="E17" s="7" t="s">
        <v>2</v>
      </c>
      <c r="F17" s="52"/>
      <c r="G17" s="7" t="s">
        <v>3</v>
      </c>
      <c r="H17" s="79"/>
      <c r="I17" s="80"/>
      <c r="J17" s="81"/>
      <c r="K17" s="73"/>
      <c r="L17" s="74"/>
      <c r="M17" s="74"/>
      <c r="N17" s="74"/>
      <c r="O17" s="7"/>
      <c r="P17" s="9"/>
      <c r="Q17" s="84" t="str">
        <f>IF(F17="","",Q14+H17+K17)</f>
        <v/>
      </c>
      <c r="R17" s="85"/>
      <c r="S17" s="86"/>
      <c r="T17" s="79"/>
      <c r="U17" s="80"/>
      <c r="V17" s="81"/>
      <c r="W17" s="73"/>
      <c r="X17" s="74"/>
      <c r="Y17" s="74"/>
      <c r="Z17" s="74"/>
      <c r="AA17" s="7"/>
      <c r="AB17" s="9"/>
      <c r="AC17" s="84" t="str">
        <f>IF(F17="","",AC14+T17+W17)</f>
        <v/>
      </c>
      <c r="AD17" s="85"/>
      <c r="AE17" s="86"/>
      <c r="AF17" s="84" t="str">
        <f>IF(F17="","",Q17-AC17)</f>
        <v/>
      </c>
      <c r="AG17" s="85"/>
      <c r="AH17" s="86"/>
      <c r="AI17" s="79"/>
      <c r="AJ17" s="80"/>
      <c r="AK17" s="81"/>
      <c r="AL17" s="51"/>
      <c r="AM17" s="7" t="s">
        <v>1</v>
      </c>
      <c r="AN17" s="52"/>
      <c r="AO17" s="7" t="s">
        <v>8</v>
      </c>
      <c r="AP17" s="9"/>
      <c r="AQ17" s="51"/>
      <c r="AR17" s="7" t="s">
        <v>1</v>
      </c>
      <c r="AS17" s="52"/>
      <c r="AT17" s="7" t="s">
        <v>2</v>
      </c>
      <c r="AU17" s="52"/>
      <c r="AV17" s="9" t="s">
        <v>3</v>
      </c>
      <c r="AW17" s="14"/>
      <c r="AX17" s="15"/>
      <c r="AY17" s="16"/>
    </row>
    <row r="18" spans="2:51">
      <c r="B18" s="4"/>
      <c r="C18" s="5"/>
      <c r="D18" s="5"/>
      <c r="E18" s="5"/>
      <c r="F18" s="5"/>
      <c r="G18" s="5"/>
      <c r="H18" s="75"/>
      <c r="I18" s="76"/>
      <c r="J18" s="82"/>
      <c r="K18" s="75"/>
      <c r="L18" s="76"/>
      <c r="M18" s="76"/>
      <c r="N18" s="76"/>
      <c r="O18" s="5"/>
      <c r="P18" s="10" t="s">
        <v>4</v>
      </c>
      <c r="Q18" s="87"/>
      <c r="R18" s="88"/>
      <c r="S18" s="89"/>
      <c r="T18" s="75"/>
      <c r="U18" s="76"/>
      <c r="V18" s="82"/>
      <c r="W18" s="75"/>
      <c r="X18" s="76"/>
      <c r="Y18" s="76"/>
      <c r="Z18" s="76"/>
      <c r="AA18" s="5"/>
      <c r="AB18" s="10" t="s">
        <v>4</v>
      </c>
      <c r="AC18" s="87"/>
      <c r="AD18" s="88"/>
      <c r="AE18" s="89"/>
      <c r="AF18" s="87"/>
      <c r="AG18" s="88"/>
      <c r="AH18" s="89"/>
      <c r="AI18" s="75"/>
      <c r="AJ18" s="76"/>
      <c r="AK18" s="82"/>
      <c r="AL18" s="4"/>
      <c r="AM18" s="5"/>
      <c r="AN18" s="5"/>
      <c r="AO18" s="5"/>
      <c r="AP18" s="6"/>
      <c r="AQ18" s="13" t="s">
        <v>10</v>
      </c>
      <c r="AR18" s="83"/>
      <c r="AS18" s="83"/>
      <c r="AT18" s="83"/>
      <c r="AU18" s="5" t="s">
        <v>11</v>
      </c>
      <c r="AV18" s="6" t="s">
        <v>9</v>
      </c>
      <c r="AW18" s="4"/>
      <c r="AX18" s="5"/>
      <c r="AY18" s="6"/>
    </row>
    <row r="19" spans="2:51">
      <c r="B19" s="1"/>
      <c r="C19" s="2"/>
      <c r="D19" s="2"/>
      <c r="E19" s="2"/>
      <c r="F19" s="2"/>
      <c r="G19" s="2"/>
      <c r="H19" s="1"/>
      <c r="I19" s="2"/>
      <c r="J19" s="26" t="s">
        <v>4</v>
      </c>
      <c r="K19" s="11" t="s">
        <v>5</v>
      </c>
      <c r="L19" s="12"/>
      <c r="M19" s="71"/>
      <c r="N19" s="71"/>
      <c r="O19" s="71"/>
      <c r="P19" s="72"/>
      <c r="Q19" s="77"/>
      <c r="R19" s="78"/>
      <c r="S19" s="26" t="s">
        <v>4</v>
      </c>
      <c r="T19" s="1"/>
      <c r="U19" s="2"/>
      <c r="V19" s="26" t="s">
        <v>4</v>
      </c>
      <c r="W19" s="11" t="s">
        <v>6</v>
      </c>
      <c r="X19" s="12"/>
      <c r="Y19" s="71"/>
      <c r="Z19" s="71"/>
      <c r="AA19" s="71"/>
      <c r="AB19" s="72"/>
      <c r="AC19" s="1"/>
      <c r="AD19" s="2"/>
      <c r="AE19" s="26" t="s">
        <v>4</v>
      </c>
      <c r="AF19" s="1"/>
      <c r="AG19" s="2"/>
      <c r="AH19" s="26" t="s">
        <v>4</v>
      </c>
      <c r="AI19" s="1"/>
      <c r="AJ19" s="2"/>
      <c r="AK19" s="26" t="s">
        <v>7</v>
      </c>
      <c r="AL19" s="1"/>
      <c r="AM19" s="2"/>
      <c r="AN19" s="2"/>
      <c r="AO19" s="2"/>
      <c r="AP19" s="3"/>
      <c r="AQ19" s="1"/>
      <c r="AR19" s="2"/>
      <c r="AS19" s="2"/>
      <c r="AT19" s="2"/>
      <c r="AU19" s="2"/>
      <c r="AV19" s="3"/>
      <c r="AW19" s="1"/>
      <c r="AX19" s="2"/>
      <c r="AY19" s="3"/>
    </row>
    <row r="20" spans="2:51" ht="13.5" customHeight="1">
      <c r="B20" s="51"/>
      <c r="C20" s="7" t="s">
        <v>1</v>
      </c>
      <c r="D20" s="52"/>
      <c r="E20" s="7" t="s">
        <v>2</v>
      </c>
      <c r="F20" s="52"/>
      <c r="G20" s="7" t="s">
        <v>3</v>
      </c>
      <c r="H20" s="79"/>
      <c r="I20" s="80"/>
      <c r="J20" s="81"/>
      <c r="K20" s="73"/>
      <c r="L20" s="74"/>
      <c r="M20" s="74"/>
      <c r="N20" s="74"/>
      <c r="O20" s="7"/>
      <c r="P20" s="9"/>
      <c r="Q20" s="84" t="str">
        <f>IF(F20="","",Q17+H20+K20)</f>
        <v/>
      </c>
      <c r="R20" s="85"/>
      <c r="S20" s="86"/>
      <c r="T20" s="79"/>
      <c r="U20" s="80"/>
      <c r="V20" s="81"/>
      <c r="W20" s="73"/>
      <c r="X20" s="74"/>
      <c r="Y20" s="74"/>
      <c r="Z20" s="74"/>
      <c r="AA20" s="7"/>
      <c r="AB20" s="9"/>
      <c r="AC20" s="84" t="str">
        <f>IF(F20="","",AC17+T20+W20)</f>
        <v/>
      </c>
      <c r="AD20" s="85"/>
      <c r="AE20" s="86"/>
      <c r="AF20" s="84" t="str">
        <f>IF(F20="","",Q20-AC20)</f>
        <v/>
      </c>
      <c r="AG20" s="85"/>
      <c r="AH20" s="86"/>
      <c r="AI20" s="79"/>
      <c r="AJ20" s="80"/>
      <c r="AK20" s="81"/>
      <c r="AL20" s="51"/>
      <c r="AM20" s="7" t="s">
        <v>1</v>
      </c>
      <c r="AN20" s="52"/>
      <c r="AO20" s="7" t="s">
        <v>8</v>
      </c>
      <c r="AP20" s="9"/>
      <c r="AQ20" s="51"/>
      <c r="AR20" s="7" t="s">
        <v>1</v>
      </c>
      <c r="AS20" s="52"/>
      <c r="AT20" s="7" t="s">
        <v>2</v>
      </c>
      <c r="AU20" s="52"/>
      <c r="AV20" s="9" t="s">
        <v>3</v>
      </c>
      <c r="AW20" s="14"/>
      <c r="AX20" s="15"/>
      <c r="AY20" s="16"/>
    </row>
    <row r="21" spans="2:51" ht="13.5" customHeight="1">
      <c r="B21" s="4"/>
      <c r="C21" s="5"/>
      <c r="D21" s="5"/>
      <c r="E21" s="5"/>
      <c r="F21" s="5"/>
      <c r="G21" s="5"/>
      <c r="H21" s="75"/>
      <c r="I21" s="76"/>
      <c r="J21" s="82"/>
      <c r="K21" s="75"/>
      <c r="L21" s="76"/>
      <c r="M21" s="76"/>
      <c r="N21" s="76"/>
      <c r="O21" s="5"/>
      <c r="P21" s="10" t="s">
        <v>4</v>
      </c>
      <c r="Q21" s="87"/>
      <c r="R21" s="88"/>
      <c r="S21" s="89"/>
      <c r="T21" s="75"/>
      <c r="U21" s="76"/>
      <c r="V21" s="82"/>
      <c r="W21" s="75"/>
      <c r="X21" s="76"/>
      <c r="Y21" s="76"/>
      <c r="Z21" s="76"/>
      <c r="AA21" s="5"/>
      <c r="AB21" s="10" t="s">
        <v>4</v>
      </c>
      <c r="AC21" s="87"/>
      <c r="AD21" s="88"/>
      <c r="AE21" s="89"/>
      <c r="AF21" s="87"/>
      <c r="AG21" s="88"/>
      <c r="AH21" s="89"/>
      <c r="AI21" s="75"/>
      <c r="AJ21" s="76"/>
      <c r="AK21" s="82"/>
      <c r="AL21" s="4"/>
      <c r="AM21" s="5"/>
      <c r="AN21" s="5"/>
      <c r="AO21" s="5"/>
      <c r="AP21" s="6"/>
      <c r="AQ21" s="13" t="s">
        <v>10</v>
      </c>
      <c r="AR21" s="83"/>
      <c r="AS21" s="83"/>
      <c r="AT21" s="83"/>
      <c r="AU21" s="5" t="s">
        <v>11</v>
      </c>
      <c r="AV21" s="6" t="s">
        <v>9</v>
      </c>
      <c r="AW21" s="4"/>
      <c r="AX21" s="5"/>
      <c r="AY21" s="6"/>
    </row>
    <row r="22" spans="2:51">
      <c r="B22" s="1"/>
      <c r="C22" s="2"/>
      <c r="D22" s="2"/>
      <c r="E22" s="2"/>
      <c r="F22" s="2"/>
      <c r="G22" s="2"/>
      <c r="H22" s="1"/>
      <c r="I22" s="2"/>
      <c r="J22" s="26" t="s">
        <v>4</v>
      </c>
      <c r="K22" s="11" t="s">
        <v>5</v>
      </c>
      <c r="L22" s="12"/>
      <c r="M22" s="71"/>
      <c r="N22" s="71"/>
      <c r="O22" s="71"/>
      <c r="P22" s="72"/>
      <c r="Q22" s="77"/>
      <c r="R22" s="78"/>
      <c r="S22" s="26" t="s">
        <v>4</v>
      </c>
      <c r="T22" s="1"/>
      <c r="U22" s="2"/>
      <c r="V22" s="26" t="s">
        <v>4</v>
      </c>
      <c r="W22" s="11" t="s">
        <v>6</v>
      </c>
      <c r="X22" s="12"/>
      <c r="Y22" s="71"/>
      <c r="Z22" s="71"/>
      <c r="AA22" s="71"/>
      <c r="AB22" s="72"/>
      <c r="AC22" s="1"/>
      <c r="AD22" s="2"/>
      <c r="AE22" s="26" t="s">
        <v>4</v>
      </c>
      <c r="AF22" s="1"/>
      <c r="AG22" s="2"/>
      <c r="AH22" s="26" t="s">
        <v>4</v>
      </c>
      <c r="AI22" s="1"/>
      <c r="AJ22" s="2"/>
      <c r="AK22" s="26" t="s">
        <v>7</v>
      </c>
      <c r="AL22" s="1"/>
      <c r="AM22" s="2"/>
      <c r="AN22" s="2"/>
      <c r="AO22" s="2"/>
      <c r="AP22" s="3"/>
      <c r="AQ22" s="1"/>
      <c r="AR22" s="2"/>
      <c r="AS22" s="2"/>
      <c r="AT22" s="2"/>
      <c r="AU22" s="2"/>
      <c r="AV22" s="3"/>
      <c r="AW22" s="1"/>
      <c r="AX22" s="2"/>
      <c r="AY22" s="3"/>
    </row>
    <row r="23" spans="2:51" ht="13.5" customHeight="1">
      <c r="B23" s="51"/>
      <c r="C23" s="7" t="s">
        <v>1</v>
      </c>
      <c r="D23" s="52"/>
      <c r="E23" s="7" t="s">
        <v>2</v>
      </c>
      <c r="F23" s="52"/>
      <c r="G23" s="7" t="s">
        <v>3</v>
      </c>
      <c r="H23" s="79"/>
      <c r="I23" s="80"/>
      <c r="J23" s="81"/>
      <c r="K23" s="73"/>
      <c r="L23" s="74"/>
      <c r="M23" s="74"/>
      <c r="N23" s="74"/>
      <c r="O23" s="7"/>
      <c r="P23" s="9"/>
      <c r="Q23" s="84" t="str">
        <f>IF(F23="","",Q20+H23+K23)</f>
        <v/>
      </c>
      <c r="R23" s="85"/>
      <c r="S23" s="86"/>
      <c r="T23" s="79"/>
      <c r="U23" s="80"/>
      <c r="V23" s="81"/>
      <c r="W23" s="73"/>
      <c r="X23" s="74"/>
      <c r="Y23" s="74"/>
      <c r="Z23" s="74"/>
      <c r="AA23" s="7"/>
      <c r="AB23" s="9"/>
      <c r="AC23" s="84" t="str">
        <f>IF(F23="","",AC20+T23+W23)</f>
        <v/>
      </c>
      <c r="AD23" s="85"/>
      <c r="AE23" s="86"/>
      <c r="AF23" s="84" t="str">
        <f>IF(F23="","",Q23-AC23)</f>
        <v/>
      </c>
      <c r="AG23" s="85"/>
      <c r="AH23" s="86"/>
      <c r="AI23" s="79"/>
      <c r="AJ23" s="80"/>
      <c r="AK23" s="81"/>
      <c r="AL23" s="51"/>
      <c r="AM23" s="7" t="s">
        <v>1</v>
      </c>
      <c r="AN23" s="52"/>
      <c r="AO23" s="7" t="s">
        <v>8</v>
      </c>
      <c r="AP23" s="9"/>
      <c r="AQ23" s="51"/>
      <c r="AR23" s="7" t="s">
        <v>1</v>
      </c>
      <c r="AS23" s="52"/>
      <c r="AT23" s="7" t="s">
        <v>2</v>
      </c>
      <c r="AU23" s="52"/>
      <c r="AV23" s="9" t="s">
        <v>3</v>
      </c>
      <c r="AW23" s="14"/>
      <c r="AX23" s="15"/>
      <c r="AY23" s="16"/>
    </row>
    <row r="24" spans="2:51" ht="13.5" customHeight="1">
      <c r="B24" s="4"/>
      <c r="C24" s="5"/>
      <c r="D24" s="5"/>
      <c r="E24" s="5"/>
      <c r="F24" s="5"/>
      <c r="G24" s="5"/>
      <c r="H24" s="75"/>
      <c r="I24" s="76"/>
      <c r="J24" s="82"/>
      <c r="K24" s="75"/>
      <c r="L24" s="76"/>
      <c r="M24" s="76"/>
      <c r="N24" s="76"/>
      <c r="O24" s="5"/>
      <c r="P24" s="10" t="s">
        <v>4</v>
      </c>
      <c r="Q24" s="87"/>
      <c r="R24" s="88"/>
      <c r="S24" s="89"/>
      <c r="T24" s="75"/>
      <c r="U24" s="76"/>
      <c r="V24" s="82"/>
      <c r="W24" s="75"/>
      <c r="X24" s="76"/>
      <c r="Y24" s="76"/>
      <c r="Z24" s="76"/>
      <c r="AA24" s="5"/>
      <c r="AB24" s="10" t="s">
        <v>4</v>
      </c>
      <c r="AC24" s="87"/>
      <c r="AD24" s="88"/>
      <c r="AE24" s="89"/>
      <c r="AF24" s="87"/>
      <c r="AG24" s="88"/>
      <c r="AH24" s="89"/>
      <c r="AI24" s="75"/>
      <c r="AJ24" s="76"/>
      <c r="AK24" s="82"/>
      <c r="AL24" s="4"/>
      <c r="AM24" s="5"/>
      <c r="AN24" s="5"/>
      <c r="AO24" s="5"/>
      <c r="AP24" s="6"/>
      <c r="AQ24" s="13" t="s">
        <v>10</v>
      </c>
      <c r="AR24" s="83"/>
      <c r="AS24" s="83"/>
      <c r="AT24" s="83"/>
      <c r="AU24" s="5" t="s">
        <v>11</v>
      </c>
      <c r="AV24" s="6" t="s">
        <v>9</v>
      </c>
      <c r="AW24" s="4"/>
      <c r="AX24" s="5"/>
      <c r="AY24" s="6"/>
    </row>
    <row r="25" spans="2:51">
      <c r="B25" s="1"/>
      <c r="C25" s="2"/>
      <c r="D25" s="2"/>
      <c r="E25" s="2"/>
      <c r="F25" s="2"/>
      <c r="G25" s="2"/>
      <c r="H25" s="1"/>
      <c r="I25" s="2"/>
      <c r="J25" s="26" t="s">
        <v>4</v>
      </c>
      <c r="K25" s="11" t="s">
        <v>5</v>
      </c>
      <c r="L25" s="12"/>
      <c r="M25" s="71"/>
      <c r="N25" s="71"/>
      <c r="O25" s="71"/>
      <c r="P25" s="72"/>
      <c r="Q25" s="77"/>
      <c r="R25" s="78"/>
      <c r="S25" s="26" t="s">
        <v>4</v>
      </c>
      <c r="T25" s="1"/>
      <c r="U25" s="2"/>
      <c r="V25" s="26" t="s">
        <v>4</v>
      </c>
      <c r="W25" s="11" t="s">
        <v>6</v>
      </c>
      <c r="X25" s="12"/>
      <c r="Y25" s="71"/>
      <c r="Z25" s="71"/>
      <c r="AA25" s="71"/>
      <c r="AB25" s="72"/>
      <c r="AC25" s="1"/>
      <c r="AD25" s="2"/>
      <c r="AE25" s="26" t="s">
        <v>4</v>
      </c>
      <c r="AF25" s="1"/>
      <c r="AG25" s="2"/>
      <c r="AH25" s="26" t="s">
        <v>4</v>
      </c>
      <c r="AI25" s="1"/>
      <c r="AJ25" s="2"/>
      <c r="AK25" s="26" t="s">
        <v>7</v>
      </c>
      <c r="AL25" s="1"/>
      <c r="AM25" s="2"/>
      <c r="AN25" s="2"/>
      <c r="AO25" s="2"/>
      <c r="AP25" s="3"/>
      <c r="AQ25" s="1"/>
      <c r="AR25" s="2"/>
      <c r="AS25" s="2"/>
      <c r="AT25" s="2"/>
      <c r="AU25" s="2"/>
      <c r="AV25" s="3"/>
      <c r="AW25" s="1"/>
      <c r="AX25" s="2"/>
      <c r="AY25" s="3"/>
    </row>
    <row r="26" spans="2:51" ht="13.5" customHeight="1">
      <c r="B26" s="51"/>
      <c r="C26" s="7" t="s">
        <v>1</v>
      </c>
      <c r="D26" s="52"/>
      <c r="E26" s="7" t="s">
        <v>2</v>
      </c>
      <c r="F26" s="52"/>
      <c r="G26" s="7" t="s">
        <v>3</v>
      </c>
      <c r="H26" s="79"/>
      <c r="I26" s="80"/>
      <c r="J26" s="81"/>
      <c r="K26" s="73"/>
      <c r="L26" s="74"/>
      <c r="M26" s="74"/>
      <c r="N26" s="74"/>
      <c r="O26" s="7"/>
      <c r="P26" s="9"/>
      <c r="Q26" s="84" t="str">
        <f>IF(F26="","",Q23+H26+K26)</f>
        <v/>
      </c>
      <c r="R26" s="85"/>
      <c r="S26" s="86"/>
      <c r="T26" s="79"/>
      <c r="U26" s="80"/>
      <c r="V26" s="81"/>
      <c r="W26" s="73"/>
      <c r="X26" s="74"/>
      <c r="Y26" s="74"/>
      <c r="Z26" s="74"/>
      <c r="AA26" s="7"/>
      <c r="AB26" s="9"/>
      <c r="AC26" s="84" t="str">
        <f>IF(F26="","",AC23+T26+W26)</f>
        <v/>
      </c>
      <c r="AD26" s="85"/>
      <c r="AE26" s="86"/>
      <c r="AF26" s="84" t="str">
        <f>IF(F26="","",Q26-AC26)</f>
        <v/>
      </c>
      <c r="AG26" s="85"/>
      <c r="AH26" s="86"/>
      <c r="AI26" s="79"/>
      <c r="AJ26" s="80"/>
      <c r="AK26" s="81"/>
      <c r="AL26" s="51"/>
      <c r="AM26" s="7" t="s">
        <v>1</v>
      </c>
      <c r="AN26" s="52"/>
      <c r="AO26" s="7" t="s">
        <v>8</v>
      </c>
      <c r="AP26" s="9"/>
      <c r="AQ26" s="51"/>
      <c r="AR26" s="7" t="s">
        <v>1</v>
      </c>
      <c r="AS26" s="52"/>
      <c r="AT26" s="7" t="s">
        <v>2</v>
      </c>
      <c r="AU26" s="52"/>
      <c r="AV26" s="9" t="s">
        <v>3</v>
      </c>
      <c r="AW26" s="14"/>
      <c r="AX26" s="15"/>
      <c r="AY26" s="16"/>
    </row>
    <row r="27" spans="2:51" ht="13.5" customHeight="1">
      <c r="B27" s="4"/>
      <c r="C27" s="5"/>
      <c r="D27" s="5"/>
      <c r="E27" s="5"/>
      <c r="F27" s="5"/>
      <c r="G27" s="5"/>
      <c r="H27" s="75"/>
      <c r="I27" s="76"/>
      <c r="J27" s="82"/>
      <c r="K27" s="75"/>
      <c r="L27" s="76"/>
      <c r="M27" s="76"/>
      <c r="N27" s="76"/>
      <c r="O27" s="5"/>
      <c r="P27" s="10" t="s">
        <v>4</v>
      </c>
      <c r="Q27" s="87"/>
      <c r="R27" s="88"/>
      <c r="S27" s="89"/>
      <c r="T27" s="75"/>
      <c r="U27" s="76"/>
      <c r="V27" s="82"/>
      <c r="W27" s="75"/>
      <c r="X27" s="76"/>
      <c r="Y27" s="76"/>
      <c r="Z27" s="76"/>
      <c r="AA27" s="5"/>
      <c r="AB27" s="10" t="s">
        <v>4</v>
      </c>
      <c r="AC27" s="87"/>
      <c r="AD27" s="88"/>
      <c r="AE27" s="89"/>
      <c r="AF27" s="87"/>
      <c r="AG27" s="88"/>
      <c r="AH27" s="89"/>
      <c r="AI27" s="75"/>
      <c r="AJ27" s="76"/>
      <c r="AK27" s="82"/>
      <c r="AL27" s="4"/>
      <c r="AM27" s="5"/>
      <c r="AN27" s="5"/>
      <c r="AO27" s="5"/>
      <c r="AP27" s="6"/>
      <c r="AQ27" s="13" t="s">
        <v>10</v>
      </c>
      <c r="AR27" s="83"/>
      <c r="AS27" s="83"/>
      <c r="AT27" s="83"/>
      <c r="AU27" s="5" t="s">
        <v>11</v>
      </c>
      <c r="AV27" s="6" t="s">
        <v>9</v>
      </c>
      <c r="AW27" s="4"/>
      <c r="AX27" s="5"/>
      <c r="AY27" s="6"/>
    </row>
    <row r="28" spans="2:51">
      <c r="B28" s="1"/>
      <c r="C28" s="2"/>
      <c r="D28" s="2"/>
      <c r="E28" s="2"/>
      <c r="F28" s="2"/>
      <c r="G28" s="2"/>
      <c r="H28" s="1"/>
      <c r="I28" s="2"/>
      <c r="J28" s="26" t="s">
        <v>4</v>
      </c>
      <c r="K28" s="11" t="s">
        <v>5</v>
      </c>
      <c r="L28" s="12"/>
      <c r="M28" s="71"/>
      <c r="N28" s="71"/>
      <c r="O28" s="71"/>
      <c r="P28" s="72"/>
      <c r="Q28" s="77"/>
      <c r="R28" s="78"/>
      <c r="S28" s="26" t="s">
        <v>4</v>
      </c>
      <c r="T28" s="1"/>
      <c r="U28" s="2"/>
      <c r="V28" s="26" t="s">
        <v>4</v>
      </c>
      <c r="W28" s="11" t="s">
        <v>6</v>
      </c>
      <c r="X28" s="12"/>
      <c r="Y28" s="71"/>
      <c r="Z28" s="71"/>
      <c r="AA28" s="71"/>
      <c r="AB28" s="72"/>
      <c r="AC28" s="1"/>
      <c r="AD28" s="2"/>
      <c r="AE28" s="26" t="s">
        <v>4</v>
      </c>
      <c r="AF28" s="1"/>
      <c r="AG28" s="2"/>
      <c r="AH28" s="26" t="s">
        <v>4</v>
      </c>
      <c r="AI28" s="1"/>
      <c r="AJ28" s="2"/>
      <c r="AK28" s="26" t="s">
        <v>7</v>
      </c>
      <c r="AL28" s="40"/>
      <c r="AM28" s="41"/>
      <c r="AN28" s="41"/>
      <c r="AO28" s="2"/>
      <c r="AP28" s="3"/>
      <c r="AQ28" s="1"/>
      <c r="AR28" s="2"/>
      <c r="AS28" s="2"/>
      <c r="AT28" s="2"/>
      <c r="AU28" s="2"/>
      <c r="AV28" s="3"/>
      <c r="AW28" s="1"/>
      <c r="AX28" s="2"/>
      <c r="AY28" s="3"/>
    </row>
    <row r="29" spans="2:51" ht="13.5" customHeight="1">
      <c r="B29" s="51"/>
      <c r="C29" s="7" t="s">
        <v>1</v>
      </c>
      <c r="D29" s="52"/>
      <c r="E29" s="7" t="s">
        <v>2</v>
      </c>
      <c r="F29" s="52"/>
      <c r="G29" s="7" t="s">
        <v>3</v>
      </c>
      <c r="H29" s="79"/>
      <c r="I29" s="80"/>
      <c r="J29" s="81"/>
      <c r="K29" s="73"/>
      <c r="L29" s="74"/>
      <c r="M29" s="74"/>
      <c r="N29" s="74"/>
      <c r="O29" s="7"/>
      <c r="P29" s="9"/>
      <c r="Q29" s="84" t="str">
        <f>IF(F29="","",Q26+H29+K29)</f>
        <v/>
      </c>
      <c r="R29" s="85"/>
      <c r="S29" s="86"/>
      <c r="T29" s="79"/>
      <c r="U29" s="80"/>
      <c r="V29" s="81"/>
      <c r="W29" s="73"/>
      <c r="X29" s="74"/>
      <c r="Y29" s="74"/>
      <c r="Z29" s="74"/>
      <c r="AA29" s="7"/>
      <c r="AB29" s="9"/>
      <c r="AC29" s="84" t="str">
        <f>IF(F29="","",AC26+T29+W29)</f>
        <v/>
      </c>
      <c r="AD29" s="85"/>
      <c r="AE29" s="86"/>
      <c r="AF29" s="84" t="str">
        <f>IF(F29="","",Q29-AC29)</f>
        <v/>
      </c>
      <c r="AG29" s="85"/>
      <c r="AH29" s="86"/>
      <c r="AI29" s="79"/>
      <c r="AJ29" s="80"/>
      <c r="AK29" s="81"/>
      <c r="AL29" s="51"/>
      <c r="AM29" s="7" t="s">
        <v>1</v>
      </c>
      <c r="AN29" s="52"/>
      <c r="AO29" s="7" t="s">
        <v>8</v>
      </c>
      <c r="AP29" s="9"/>
      <c r="AQ29" s="51"/>
      <c r="AR29" s="7" t="s">
        <v>1</v>
      </c>
      <c r="AS29" s="52"/>
      <c r="AT29" s="7" t="s">
        <v>2</v>
      </c>
      <c r="AU29" s="52"/>
      <c r="AV29" s="9" t="s">
        <v>3</v>
      </c>
      <c r="AW29" s="14"/>
      <c r="AX29" s="15"/>
      <c r="AY29" s="16"/>
    </row>
    <row r="30" spans="2:51" ht="13.5" customHeight="1">
      <c r="B30" s="4"/>
      <c r="C30" s="5"/>
      <c r="D30" s="5"/>
      <c r="E30" s="5"/>
      <c r="F30" s="5"/>
      <c r="G30" s="5"/>
      <c r="H30" s="75"/>
      <c r="I30" s="76"/>
      <c r="J30" s="82"/>
      <c r="K30" s="75"/>
      <c r="L30" s="76"/>
      <c r="M30" s="76"/>
      <c r="N30" s="76"/>
      <c r="O30" s="5"/>
      <c r="P30" s="10" t="s">
        <v>4</v>
      </c>
      <c r="Q30" s="87"/>
      <c r="R30" s="88"/>
      <c r="S30" s="89"/>
      <c r="T30" s="75"/>
      <c r="U30" s="76"/>
      <c r="V30" s="82"/>
      <c r="W30" s="75"/>
      <c r="X30" s="76"/>
      <c r="Y30" s="76"/>
      <c r="Z30" s="76"/>
      <c r="AA30" s="5"/>
      <c r="AB30" s="10" t="s">
        <v>4</v>
      </c>
      <c r="AC30" s="87"/>
      <c r="AD30" s="88"/>
      <c r="AE30" s="89"/>
      <c r="AF30" s="87"/>
      <c r="AG30" s="88"/>
      <c r="AH30" s="89"/>
      <c r="AI30" s="75"/>
      <c r="AJ30" s="76"/>
      <c r="AK30" s="82"/>
      <c r="AL30" s="42"/>
      <c r="AM30" s="39"/>
      <c r="AN30" s="39"/>
      <c r="AO30" s="5"/>
      <c r="AP30" s="6"/>
      <c r="AQ30" s="13" t="s">
        <v>10</v>
      </c>
      <c r="AR30" s="83"/>
      <c r="AS30" s="83"/>
      <c r="AT30" s="83"/>
      <c r="AU30" s="5" t="s">
        <v>11</v>
      </c>
      <c r="AV30" s="6" t="s">
        <v>9</v>
      </c>
      <c r="AW30" s="4"/>
      <c r="AX30" s="5"/>
      <c r="AY30" s="6"/>
    </row>
    <row r="31" spans="2:51">
      <c r="B31" s="1"/>
      <c r="C31" s="2"/>
      <c r="D31" s="2"/>
      <c r="E31" s="2"/>
      <c r="F31" s="2"/>
      <c r="G31" s="2"/>
      <c r="H31" s="1"/>
      <c r="I31" s="2"/>
      <c r="J31" s="26" t="s">
        <v>4</v>
      </c>
      <c r="K31" s="11" t="s">
        <v>5</v>
      </c>
      <c r="L31" s="12"/>
      <c r="M31" s="71"/>
      <c r="N31" s="71"/>
      <c r="O31" s="71"/>
      <c r="P31" s="72"/>
      <c r="Q31" s="77"/>
      <c r="R31" s="78"/>
      <c r="S31" s="26" t="s">
        <v>4</v>
      </c>
      <c r="T31" s="1"/>
      <c r="U31" s="2"/>
      <c r="V31" s="26" t="s">
        <v>4</v>
      </c>
      <c r="W31" s="11" t="s">
        <v>6</v>
      </c>
      <c r="X31" s="12"/>
      <c r="Y31" s="71"/>
      <c r="Z31" s="71"/>
      <c r="AA31" s="71"/>
      <c r="AB31" s="72"/>
      <c r="AC31" s="1"/>
      <c r="AD31" s="2"/>
      <c r="AE31" s="26" t="s">
        <v>4</v>
      </c>
      <c r="AF31" s="1"/>
      <c r="AG31" s="2"/>
      <c r="AH31" s="26" t="s">
        <v>4</v>
      </c>
      <c r="AI31" s="1"/>
      <c r="AJ31" s="2"/>
      <c r="AK31" s="26" t="s">
        <v>7</v>
      </c>
      <c r="AL31" s="1"/>
      <c r="AM31" s="2"/>
      <c r="AN31" s="2"/>
      <c r="AO31" s="2"/>
      <c r="AP31" s="3"/>
      <c r="AQ31" s="1"/>
      <c r="AR31" s="2"/>
      <c r="AS31" s="2"/>
      <c r="AT31" s="2"/>
      <c r="AU31" s="2"/>
      <c r="AV31" s="3"/>
      <c r="AW31" s="1"/>
      <c r="AX31" s="2"/>
      <c r="AY31" s="3"/>
    </row>
    <row r="32" spans="2:51" ht="13.5" customHeight="1">
      <c r="B32" s="51"/>
      <c r="C32" s="7" t="s">
        <v>1</v>
      </c>
      <c r="D32" s="52"/>
      <c r="E32" s="7" t="s">
        <v>2</v>
      </c>
      <c r="F32" s="52"/>
      <c r="G32" s="7" t="s">
        <v>3</v>
      </c>
      <c r="H32" s="79"/>
      <c r="I32" s="80"/>
      <c r="J32" s="81"/>
      <c r="K32" s="73"/>
      <c r="L32" s="74"/>
      <c r="M32" s="74"/>
      <c r="N32" s="74"/>
      <c r="O32" s="7"/>
      <c r="P32" s="9"/>
      <c r="Q32" s="84" t="str">
        <f>IF(F32="","",Q29+H32+K32)</f>
        <v/>
      </c>
      <c r="R32" s="85"/>
      <c r="S32" s="86"/>
      <c r="T32" s="79"/>
      <c r="U32" s="80"/>
      <c r="V32" s="81"/>
      <c r="W32" s="73"/>
      <c r="X32" s="74"/>
      <c r="Y32" s="74"/>
      <c r="Z32" s="74"/>
      <c r="AA32" s="7"/>
      <c r="AB32" s="9"/>
      <c r="AC32" s="84" t="str">
        <f>IF(F32="","",AC29+T32+W32)</f>
        <v/>
      </c>
      <c r="AD32" s="85"/>
      <c r="AE32" s="86"/>
      <c r="AF32" s="84" t="str">
        <f>IF(F32="","",Q32-AC32)</f>
        <v/>
      </c>
      <c r="AG32" s="85"/>
      <c r="AH32" s="86"/>
      <c r="AI32" s="79"/>
      <c r="AJ32" s="80"/>
      <c r="AK32" s="81"/>
      <c r="AL32" s="51"/>
      <c r="AM32" s="7" t="s">
        <v>1</v>
      </c>
      <c r="AN32" s="52"/>
      <c r="AO32" s="7" t="s">
        <v>8</v>
      </c>
      <c r="AP32" s="9"/>
      <c r="AQ32" s="51"/>
      <c r="AR32" s="7" t="s">
        <v>1</v>
      </c>
      <c r="AS32" s="52"/>
      <c r="AT32" s="7" t="s">
        <v>2</v>
      </c>
      <c r="AU32" s="52"/>
      <c r="AV32" s="9" t="s">
        <v>3</v>
      </c>
      <c r="AW32" s="14"/>
      <c r="AX32" s="15"/>
      <c r="AY32" s="16"/>
    </row>
    <row r="33" spans="2:51" ht="13.5" customHeight="1">
      <c r="B33" s="4"/>
      <c r="C33" s="5"/>
      <c r="D33" s="5"/>
      <c r="E33" s="5"/>
      <c r="F33" s="5"/>
      <c r="G33" s="5"/>
      <c r="H33" s="75"/>
      <c r="I33" s="76"/>
      <c r="J33" s="82"/>
      <c r="K33" s="75"/>
      <c r="L33" s="76"/>
      <c r="M33" s="76"/>
      <c r="N33" s="76"/>
      <c r="O33" s="5"/>
      <c r="P33" s="10" t="s">
        <v>4</v>
      </c>
      <c r="Q33" s="87"/>
      <c r="R33" s="88"/>
      <c r="S33" s="89"/>
      <c r="T33" s="75"/>
      <c r="U33" s="76"/>
      <c r="V33" s="82"/>
      <c r="W33" s="75"/>
      <c r="X33" s="76"/>
      <c r="Y33" s="76"/>
      <c r="Z33" s="76"/>
      <c r="AA33" s="5"/>
      <c r="AB33" s="10" t="s">
        <v>4</v>
      </c>
      <c r="AC33" s="87"/>
      <c r="AD33" s="88"/>
      <c r="AE33" s="89"/>
      <c r="AF33" s="87"/>
      <c r="AG33" s="88"/>
      <c r="AH33" s="89"/>
      <c r="AI33" s="75"/>
      <c r="AJ33" s="76"/>
      <c r="AK33" s="82"/>
      <c r="AL33" s="4"/>
      <c r="AM33" s="5"/>
      <c r="AN33" s="5"/>
      <c r="AO33" s="5"/>
      <c r="AP33" s="6"/>
      <c r="AQ33" s="13" t="s">
        <v>10</v>
      </c>
      <c r="AR33" s="83"/>
      <c r="AS33" s="83"/>
      <c r="AT33" s="83"/>
      <c r="AU33" s="5" t="s">
        <v>11</v>
      </c>
      <c r="AV33" s="6" t="s">
        <v>9</v>
      </c>
      <c r="AW33" s="4"/>
      <c r="AX33" s="5"/>
      <c r="AY33" s="6"/>
    </row>
    <row r="34" spans="2:51">
      <c r="B34" s="1"/>
      <c r="C34" s="2"/>
      <c r="D34" s="2"/>
      <c r="E34" s="2"/>
      <c r="F34" s="2"/>
      <c r="G34" s="2"/>
      <c r="H34" s="1"/>
      <c r="I34" s="2"/>
      <c r="J34" s="26" t="s">
        <v>4</v>
      </c>
      <c r="K34" s="11" t="s">
        <v>5</v>
      </c>
      <c r="L34" s="12"/>
      <c r="M34" s="71"/>
      <c r="N34" s="71"/>
      <c r="O34" s="71"/>
      <c r="P34" s="72"/>
      <c r="Q34" s="77"/>
      <c r="R34" s="78"/>
      <c r="S34" s="26" t="s">
        <v>4</v>
      </c>
      <c r="T34" s="1"/>
      <c r="U34" s="2"/>
      <c r="V34" s="26" t="s">
        <v>4</v>
      </c>
      <c r="W34" s="11" t="s">
        <v>6</v>
      </c>
      <c r="X34" s="12"/>
      <c r="Y34" s="71"/>
      <c r="Z34" s="71"/>
      <c r="AA34" s="71"/>
      <c r="AB34" s="72"/>
      <c r="AC34" s="1"/>
      <c r="AD34" s="2"/>
      <c r="AE34" s="26" t="s">
        <v>4</v>
      </c>
      <c r="AF34" s="1"/>
      <c r="AG34" s="2"/>
      <c r="AH34" s="26" t="s">
        <v>4</v>
      </c>
      <c r="AI34" s="1"/>
      <c r="AJ34" s="2"/>
      <c r="AK34" s="26" t="s">
        <v>7</v>
      </c>
      <c r="AL34" s="1"/>
      <c r="AM34" s="2"/>
      <c r="AN34" s="2"/>
      <c r="AO34" s="2"/>
      <c r="AP34" s="3"/>
      <c r="AQ34" s="1"/>
      <c r="AR34" s="2"/>
      <c r="AS34" s="2"/>
      <c r="AT34" s="2"/>
      <c r="AU34" s="2"/>
      <c r="AV34" s="3"/>
      <c r="AW34" s="1"/>
      <c r="AX34" s="2"/>
      <c r="AY34" s="3"/>
    </row>
    <row r="35" spans="2:51" ht="13.5" customHeight="1">
      <c r="B35" s="51"/>
      <c r="C35" s="7" t="s">
        <v>1</v>
      </c>
      <c r="D35" s="52"/>
      <c r="E35" s="7" t="s">
        <v>2</v>
      </c>
      <c r="F35" s="52"/>
      <c r="G35" s="7" t="s">
        <v>3</v>
      </c>
      <c r="H35" s="79"/>
      <c r="I35" s="80"/>
      <c r="J35" s="81"/>
      <c r="K35" s="73"/>
      <c r="L35" s="74"/>
      <c r="M35" s="74"/>
      <c r="N35" s="74"/>
      <c r="O35" s="7"/>
      <c r="P35" s="9"/>
      <c r="Q35" s="84" t="str">
        <f>IF(F35="","",Q32+H35+K35)</f>
        <v/>
      </c>
      <c r="R35" s="85"/>
      <c r="S35" s="86"/>
      <c r="T35" s="79"/>
      <c r="U35" s="80"/>
      <c r="V35" s="81"/>
      <c r="W35" s="73"/>
      <c r="X35" s="74"/>
      <c r="Y35" s="74"/>
      <c r="Z35" s="74"/>
      <c r="AA35" s="7"/>
      <c r="AB35" s="9"/>
      <c r="AC35" s="84" t="str">
        <f>IF(F35="","",AC32+T35+W35)</f>
        <v/>
      </c>
      <c r="AD35" s="85"/>
      <c r="AE35" s="86"/>
      <c r="AF35" s="84" t="str">
        <f>IF(F35="","",Q35-AC35)</f>
        <v/>
      </c>
      <c r="AG35" s="85"/>
      <c r="AH35" s="86"/>
      <c r="AI35" s="79"/>
      <c r="AJ35" s="80"/>
      <c r="AK35" s="81"/>
      <c r="AL35" s="51"/>
      <c r="AM35" s="7" t="s">
        <v>1</v>
      </c>
      <c r="AN35" s="52"/>
      <c r="AO35" s="7" t="s">
        <v>8</v>
      </c>
      <c r="AP35" s="9"/>
      <c r="AQ35" s="51"/>
      <c r="AR35" s="7" t="s">
        <v>1</v>
      </c>
      <c r="AS35" s="52"/>
      <c r="AT35" s="7" t="s">
        <v>2</v>
      </c>
      <c r="AU35" s="52"/>
      <c r="AV35" s="9" t="s">
        <v>3</v>
      </c>
      <c r="AW35" s="14"/>
      <c r="AX35" s="15"/>
      <c r="AY35" s="16"/>
    </row>
    <row r="36" spans="2:51" ht="13.5" customHeight="1">
      <c r="B36" s="4"/>
      <c r="C36" s="5"/>
      <c r="D36" s="5"/>
      <c r="E36" s="5"/>
      <c r="F36" s="5"/>
      <c r="G36" s="5"/>
      <c r="H36" s="75"/>
      <c r="I36" s="76"/>
      <c r="J36" s="82"/>
      <c r="K36" s="75"/>
      <c r="L36" s="76"/>
      <c r="M36" s="76"/>
      <c r="N36" s="76"/>
      <c r="O36" s="5"/>
      <c r="P36" s="10" t="s">
        <v>4</v>
      </c>
      <c r="Q36" s="87"/>
      <c r="R36" s="88"/>
      <c r="S36" s="89"/>
      <c r="T36" s="75"/>
      <c r="U36" s="76"/>
      <c r="V36" s="82"/>
      <c r="W36" s="75"/>
      <c r="X36" s="76"/>
      <c r="Y36" s="76"/>
      <c r="Z36" s="76"/>
      <c r="AA36" s="5"/>
      <c r="AB36" s="10" t="s">
        <v>4</v>
      </c>
      <c r="AC36" s="87"/>
      <c r="AD36" s="88"/>
      <c r="AE36" s="89"/>
      <c r="AF36" s="87"/>
      <c r="AG36" s="88"/>
      <c r="AH36" s="89"/>
      <c r="AI36" s="75"/>
      <c r="AJ36" s="76"/>
      <c r="AK36" s="82"/>
      <c r="AL36" s="4"/>
      <c r="AM36" s="5"/>
      <c r="AN36" s="5"/>
      <c r="AO36" s="5"/>
      <c r="AP36" s="6"/>
      <c r="AQ36" s="13" t="s">
        <v>10</v>
      </c>
      <c r="AR36" s="83"/>
      <c r="AS36" s="83"/>
      <c r="AT36" s="83"/>
      <c r="AU36" s="5" t="s">
        <v>11</v>
      </c>
      <c r="AV36" s="6" t="s">
        <v>9</v>
      </c>
      <c r="AW36" s="4"/>
      <c r="AX36" s="5"/>
      <c r="AY36" s="6"/>
    </row>
    <row r="37" spans="2:51">
      <c r="B37" s="1"/>
      <c r="C37" s="2"/>
      <c r="D37" s="2"/>
      <c r="E37" s="2"/>
      <c r="F37" s="2"/>
      <c r="G37" s="2"/>
      <c r="H37" s="1"/>
      <c r="I37" s="2"/>
      <c r="J37" s="26" t="s">
        <v>4</v>
      </c>
      <c r="K37" s="11" t="s">
        <v>5</v>
      </c>
      <c r="L37" s="12"/>
      <c r="M37" s="71"/>
      <c r="N37" s="71"/>
      <c r="O37" s="71"/>
      <c r="P37" s="72"/>
      <c r="Q37" s="77"/>
      <c r="R37" s="78"/>
      <c r="S37" s="26" t="s">
        <v>4</v>
      </c>
      <c r="T37" s="1"/>
      <c r="U37" s="2"/>
      <c r="V37" s="26" t="s">
        <v>4</v>
      </c>
      <c r="W37" s="11" t="s">
        <v>6</v>
      </c>
      <c r="X37" s="12"/>
      <c r="Y37" s="71"/>
      <c r="Z37" s="71"/>
      <c r="AA37" s="71"/>
      <c r="AB37" s="72"/>
      <c r="AC37" s="1"/>
      <c r="AD37" s="2"/>
      <c r="AE37" s="26" t="s">
        <v>4</v>
      </c>
      <c r="AF37" s="1"/>
      <c r="AG37" s="2"/>
      <c r="AH37" s="26" t="s">
        <v>4</v>
      </c>
      <c r="AI37" s="1"/>
      <c r="AJ37" s="2"/>
      <c r="AK37" s="26" t="s">
        <v>7</v>
      </c>
      <c r="AL37" s="1"/>
      <c r="AM37" s="2"/>
      <c r="AN37" s="2"/>
      <c r="AO37" s="2"/>
      <c r="AP37" s="3"/>
      <c r="AQ37" s="1"/>
      <c r="AR37" s="2"/>
      <c r="AS37" s="2"/>
      <c r="AT37" s="2"/>
      <c r="AU37" s="2"/>
      <c r="AV37" s="3"/>
      <c r="AW37" s="1"/>
      <c r="AX37" s="2"/>
      <c r="AY37" s="3"/>
    </row>
    <row r="38" spans="2:51" ht="13.5" customHeight="1">
      <c r="B38" s="51"/>
      <c r="C38" s="7" t="s">
        <v>1</v>
      </c>
      <c r="D38" s="52"/>
      <c r="E38" s="7" t="s">
        <v>2</v>
      </c>
      <c r="F38" s="52"/>
      <c r="G38" s="7" t="s">
        <v>3</v>
      </c>
      <c r="H38" s="79"/>
      <c r="I38" s="80"/>
      <c r="J38" s="81"/>
      <c r="K38" s="73"/>
      <c r="L38" s="74"/>
      <c r="M38" s="74"/>
      <c r="N38" s="74"/>
      <c r="O38" s="7"/>
      <c r="P38" s="9"/>
      <c r="Q38" s="84" t="str">
        <f>IF(F38="","",Q35+H38+K38)</f>
        <v/>
      </c>
      <c r="R38" s="85"/>
      <c r="S38" s="86"/>
      <c r="T38" s="79"/>
      <c r="U38" s="80"/>
      <c r="V38" s="81"/>
      <c r="W38" s="73"/>
      <c r="X38" s="74"/>
      <c r="Y38" s="74"/>
      <c r="Z38" s="74"/>
      <c r="AA38" s="7"/>
      <c r="AB38" s="9"/>
      <c r="AC38" s="84" t="str">
        <f>IF(F38="","",AC35+T38+W38)</f>
        <v/>
      </c>
      <c r="AD38" s="85"/>
      <c r="AE38" s="86"/>
      <c r="AF38" s="84" t="str">
        <f>IF(F38="","",Q38-AC38)</f>
        <v/>
      </c>
      <c r="AG38" s="85"/>
      <c r="AH38" s="86"/>
      <c r="AI38" s="79"/>
      <c r="AJ38" s="80"/>
      <c r="AK38" s="81"/>
      <c r="AL38" s="51"/>
      <c r="AM38" s="7" t="s">
        <v>1</v>
      </c>
      <c r="AN38" s="52"/>
      <c r="AO38" s="7" t="s">
        <v>8</v>
      </c>
      <c r="AP38" s="9"/>
      <c r="AQ38" s="51"/>
      <c r="AR38" s="7" t="s">
        <v>1</v>
      </c>
      <c r="AS38" s="52"/>
      <c r="AT38" s="7" t="s">
        <v>2</v>
      </c>
      <c r="AU38" s="52"/>
      <c r="AV38" s="9" t="s">
        <v>3</v>
      </c>
      <c r="AW38" s="14"/>
      <c r="AX38" s="15"/>
      <c r="AY38" s="16"/>
    </row>
    <row r="39" spans="2:51" ht="13.5" customHeight="1">
      <c r="B39" s="4"/>
      <c r="C39" s="5"/>
      <c r="D39" s="5"/>
      <c r="E39" s="5"/>
      <c r="F39" s="5"/>
      <c r="G39" s="5"/>
      <c r="H39" s="75"/>
      <c r="I39" s="76"/>
      <c r="J39" s="82"/>
      <c r="K39" s="75"/>
      <c r="L39" s="76"/>
      <c r="M39" s="76"/>
      <c r="N39" s="76"/>
      <c r="O39" s="5"/>
      <c r="P39" s="10" t="s">
        <v>4</v>
      </c>
      <c r="Q39" s="87"/>
      <c r="R39" s="88"/>
      <c r="S39" s="89"/>
      <c r="T39" s="75"/>
      <c r="U39" s="76"/>
      <c r="V39" s="82"/>
      <c r="W39" s="75"/>
      <c r="X39" s="76"/>
      <c r="Y39" s="76"/>
      <c r="Z39" s="76"/>
      <c r="AA39" s="5"/>
      <c r="AB39" s="10" t="s">
        <v>4</v>
      </c>
      <c r="AC39" s="87"/>
      <c r="AD39" s="88"/>
      <c r="AE39" s="89"/>
      <c r="AF39" s="87"/>
      <c r="AG39" s="88"/>
      <c r="AH39" s="89"/>
      <c r="AI39" s="75"/>
      <c r="AJ39" s="76"/>
      <c r="AK39" s="82"/>
      <c r="AL39" s="4"/>
      <c r="AM39" s="5"/>
      <c r="AN39" s="5"/>
      <c r="AO39" s="5"/>
      <c r="AP39" s="6"/>
      <c r="AQ39" s="13" t="s">
        <v>10</v>
      </c>
      <c r="AR39" s="83"/>
      <c r="AS39" s="83"/>
      <c r="AT39" s="83"/>
      <c r="AU39" s="5" t="s">
        <v>11</v>
      </c>
      <c r="AV39" s="6" t="s">
        <v>9</v>
      </c>
      <c r="AW39" s="4"/>
      <c r="AX39" s="5"/>
      <c r="AY39" s="6"/>
    </row>
    <row r="40" spans="2:51">
      <c r="B40" s="1"/>
      <c r="C40" s="2"/>
      <c r="D40" s="2"/>
      <c r="E40" s="2"/>
      <c r="F40" s="2"/>
      <c r="G40" s="2"/>
      <c r="H40" s="1"/>
      <c r="I40" s="2"/>
      <c r="J40" s="26"/>
      <c r="K40" s="11" t="s">
        <v>5</v>
      </c>
      <c r="L40" s="12"/>
      <c r="M40" s="71"/>
      <c r="N40" s="71"/>
      <c r="O40" s="71"/>
      <c r="P40" s="72"/>
      <c r="Q40" s="77"/>
      <c r="R40" s="78"/>
      <c r="S40" s="26" t="s">
        <v>4</v>
      </c>
      <c r="T40" s="1"/>
      <c r="U40" s="2"/>
      <c r="V40" s="26" t="s">
        <v>4</v>
      </c>
      <c r="W40" s="11" t="s">
        <v>6</v>
      </c>
      <c r="X40" s="12"/>
      <c r="Y40" s="71"/>
      <c r="Z40" s="71"/>
      <c r="AA40" s="71"/>
      <c r="AB40" s="72"/>
      <c r="AC40" s="1"/>
      <c r="AD40" s="2"/>
      <c r="AE40" s="26" t="s">
        <v>4</v>
      </c>
      <c r="AF40" s="1"/>
      <c r="AG40" s="2"/>
      <c r="AH40" s="26" t="s">
        <v>4</v>
      </c>
      <c r="AI40" s="1"/>
      <c r="AJ40" s="2"/>
      <c r="AK40" s="26" t="s">
        <v>7</v>
      </c>
      <c r="AL40" s="1"/>
      <c r="AM40" s="2"/>
      <c r="AN40" s="2"/>
      <c r="AO40" s="2"/>
      <c r="AP40" s="3"/>
      <c r="AQ40" s="1"/>
      <c r="AR40" s="2"/>
      <c r="AS40" s="2"/>
      <c r="AT40" s="2"/>
      <c r="AU40" s="2"/>
      <c r="AV40" s="3"/>
      <c r="AW40" s="1"/>
      <c r="AX40" s="2"/>
      <c r="AY40" s="3"/>
    </row>
    <row r="41" spans="2:51" ht="13.5" customHeight="1">
      <c r="B41" s="51"/>
      <c r="C41" s="7" t="s">
        <v>1</v>
      </c>
      <c r="D41" s="52"/>
      <c r="E41" s="7" t="s">
        <v>2</v>
      </c>
      <c r="F41" s="52"/>
      <c r="G41" s="7" t="s">
        <v>3</v>
      </c>
      <c r="H41" s="79"/>
      <c r="I41" s="80"/>
      <c r="J41" s="81"/>
      <c r="K41" s="73"/>
      <c r="L41" s="74"/>
      <c r="M41" s="74"/>
      <c r="N41" s="74"/>
      <c r="O41" s="7"/>
      <c r="P41" s="9"/>
      <c r="Q41" s="84" t="str">
        <f>IF(F41="","",Q38+H41+K41)</f>
        <v/>
      </c>
      <c r="R41" s="85"/>
      <c r="S41" s="86"/>
      <c r="T41" s="79"/>
      <c r="U41" s="80"/>
      <c r="V41" s="81"/>
      <c r="W41" s="73"/>
      <c r="X41" s="74"/>
      <c r="Y41" s="74"/>
      <c r="Z41" s="74"/>
      <c r="AA41" s="7"/>
      <c r="AB41" s="9"/>
      <c r="AC41" s="84" t="str">
        <f>IF(F41="","",AC38+T41+W41)</f>
        <v/>
      </c>
      <c r="AD41" s="85"/>
      <c r="AE41" s="86"/>
      <c r="AF41" s="84" t="str">
        <f>IF(F41="","",Q41-AC41)</f>
        <v/>
      </c>
      <c r="AG41" s="85"/>
      <c r="AH41" s="86"/>
      <c r="AI41" s="79"/>
      <c r="AJ41" s="80"/>
      <c r="AK41" s="81"/>
      <c r="AL41" s="51"/>
      <c r="AM41" s="7" t="s">
        <v>1</v>
      </c>
      <c r="AN41" s="52"/>
      <c r="AO41" s="7" t="s">
        <v>8</v>
      </c>
      <c r="AP41" s="9"/>
      <c r="AQ41" s="51"/>
      <c r="AR41" s="7" t="s">
        <v>1</v>
      </c>
      <c r="AS41" s="52"/>
      <c r="AT41" s="7" t="s">
        <v>2</v>
      </c>
      <c r="AU41" s="52"/>
      <c r="AV41" s="9" t="s">
        <v>3</v>
      </c>
      <c r="AW41" s="14"/>
      <c r="AX41" s="15"/>
      <c r="AY41" s="16"/>
    </row>
    <row r="42" spans="2:51" ht="13.5" customHeight="1">
      <c r="B42" s="4"/>
      <c r="C42" s="5"/>
      <c r="D42" s="5"/>
      <c r="E42" s="5"/>
      <c r="F42" s="5"/>
      <c r="G42" s="5"/>
      <c r="H42" s="75"/>
      <c r="I42" s="76"/>
      <c r="J42" s="82"/>
      <c r="K42" s="75"/>
      <c r="L42" s="76"/>
      <c r="M42" s="76"/>
      <c r="N42" s="76"/>
      <c r="O42" s="5"/>
      <c r="P42" s="10" t="s">
        <v>4</v>
      </c>
      <c r="Q42" s="87"/>
      <c r="R42" s="88"/>
      <c r="S42" s="89"/>
      <c r="T42" s="75"/>
      <c r="U42" s="76"/>
      <c r="V42" s="82"/>
      <c r="W42" s="75"/>
      <c r="X42" s="76"/>
      <c r="Y42" s="76"/>
      <c r="Z42" s="76"/>
      <c r="AA42" s="5"/>
      <c r="AB42" s="10" t="s">
        <v>4</v>
      </c>
      <c r="AC42" s="87"/>
      <c r="AD42" s="88"/>
      <c r="AE42" s="89"/>
      <c r="AF42" s="87"/>
      <c r="AG42" s="88"/>
      <c r="AH42" s="89"/>
      <c r="AI42" s="75"/>
      <c r="AJ42" s="76"/>
      <c r="AK42" s="82"/>
      <c r="AL42" s="4"/>
      <c r="AM42" s="5"/>
      <c r="AN42" s="5"/>
      <c r="AO42" s="5"/>
      <c r="AP42" s="6"/>
      <c r="AQ42" s="13" t="s">
        <v>10</v>
      </c>
      <c r="AR42" s="83"/>
      <c r="AS42" s="83"/>
      <c r="AT42" s="83"/>
      <c r="AU42" s="5" t="s">
        <v>11</v>
      </c>
      <c r="AV42" s="6" t="s">
        <v>9</v>
      </c>
      <c r="AW42" s="4"/>
      <c r="AX42" s="5"/>
      <c r="AY42" s="6"/>
    </row>
    <row r="43" spans="2:51">
      <c r="B43" s="1"/>
      <c r="C43" s="2"/>
      <c r="D43" s="2"/>
      <c r="E43" s="2"/>
      <c r="F43" s="2"/>
      <c r="G43" s="2"/>
      <c r="H43" s="1"/>
      <c r="I43" s="2"/>
      <c r="J43" s="26"/>
      <c r="K43" s="11" t="s">
        <v>5</v>
      </c>
      <c r="L43" s="12"/>
      <c r="M43" s="71"/>
      <c r="N43" s="71"/>
      <c r="O43" s="71"/>
      <c r="P43" s="72"/>
      <c r="Q43" s="77"/>
      <c r="R43" s="78"/>
      <c r="S43" s="26" t="s">
        <v>4</v>
      </c>
      <c r="T43" s="1"/>
      <c r="U43" s="2"/>
      <c r="V43" s="26" t="s">
        <v>4</v>
      </c>
      <c r="W43" s="11" t="s">
        <v>6</v>
      </c>
      <c r="X43" s="12"/>
      <c r="Y43" s="71"/>
      <c r="Z43" s="71"/>
      <c r="AA43" s="71"/>
      <c r="AB43" s="72"/>
      <c r="AC43" s="1"/>
      <c r="AD43" s="2"/>
      <c r="AE43" s="26" t="s">
        <v>4</v>
      </c>
      <c r="AF43" s="1"/>
      <c r="AG43" s="2"/>
      <c r="AH43" s="26" t="s">
        <v>4</v>
      </c>
      <c r="AI43" s="1"/>
      <c r="AJ43" s="2"/>
      <c r="AK43" s="26" t="s">
        <v>7</v>
      </c>
      <c r="AL43" s="1"/>
      <c r="AM43" s="2"/>
      <c r="AN43" s="2"/>
      <c r="AO43" s="2"/>
      <c r="AP43" s="3"/>
      <c r="AQ43" s="1"/>
      <c r="AR43" s="2"/>
      <c r="AS43" s="2"/>
      <c r="AT43" s="2"/>
      <c r="AU43" s="2"/>
      <c r="AV43" s="3"/>
      <c r="AW43" s="1"/>
      <c r="AX43" s="2"/>
      <c r="AY43" s="3"/>
    </row>
    <row r="44" spans="2:51">
      <c r="B44" s="51"/>
      <c r="C44" s="7" t="s">
        <v>1</v>
      </c>
      <c r="D44" s="52"/>
      <c r="E44" s="7" t="s">
        <v>2</v>
      </c>
      <c r="F44" s="52"/>
      <c r="G44" s="7" t="s">
        <v>3</v>
      </c>
      <c r="H44" s="79"/>
      <c r="I44" s="80"/>
      <c r="J44" s="81"/>
      <c r="K44" s="73"/>
      <c r="L44" s="74"/>
      <c r="M44" s="74"/>
      <c r="N44" s="74"/>
      <c r="O44" s="7"/>
      <c r="P44" s="9"/>
      <c r="Q44" s="84" t="str">
        <f>IF(F44="","",Q41+H44+K44)</f>
        <v/>
      </c>
      <c r="R44" s="85"/>
      <c r="S44" s="86"/>
      <c r="T44" s="79"/>
      <c r="U44" s="80"/>
      <c r="V44" s="81"/>
      <c r="W44" s="73"/>
      <c r="X44" s="74"/>
      <c r="Y44" s="74"/>
      <c r="Z44" s="74"/>
      <c r="AA44" s="7"/>
      <c r="AB44" s="9"/>
      <c r="AC44" s="84" t="str">
        <f>IF(F44="","",AC41+T44+W44)</f>
        <v/>
      </c>
      <c r="AD44" s="85"/>
      <c r="AE44" s="86"/>
      <c r="AF44" s="84" t="str">
        <f>IF(F44="","",Q44-AC44)</f>
        <v/>
      </c>
      <c r="AG44" s="85"/>
      <c r="AH44" s="86"/>
      <c r="AI44" s="79"/>
      <c r="AJ44" s="80"/>
      <c r="AK44" s="81"/>
      <c r="AL44" s="51"/>
      <c r="AM44" s="7" t="s">
        <v>1</v>
      </c>
      <c r="AN44" s="52"/>
      <c r="AO44" s="7" t="s">
        <v>8</v>
      </c>
      <c r="AP44" s="9"/>
      <c r="AQ44" s="51"/>
      <c r="AR44" s="7" t="s">
        <v>1</v>
      </c>
      <c r="AS44" s="52"/>
      <c r="AT44" s="58" t="s">
        <v>2</v>
      </c>
      <c r="AU44" s="52"/>
      <c r="AV44" s="9" t="s">
        <v>3</v>
      </c>
      <c r="AW44" s="14"/>
      <c r="AX44" s="15"/>
      <c r="AY44" s="16"/>
    </row>
    <row r="45" spans="2:51" ht="14.25" thickBot="1">
      <c r="B45" s="8"/>
      <c r="C45" s="7"/>
      <c r="D45" s="7"/>
      <c r="E45" s="7"/>
      <c r="F45" s="7"/>
      <c r="G45" s="7"/>
      <c r="H45" s="79"/>
      <c r="I45" s="80"/>
      <c r="J45" s="81"/>
      <c r="K45" s="79"/>
      <c r="L45" s="80"/>
      <c r="M45" s="80"/>
      <c r="N45" s="80"/>
      <c r="O45" s="7"/>
      <c r="P45" s="33" t="s">
        <v>4</v>
      </c>
      <c r="Q45" s="84"/>
      <c r="R45" s="85"/>
      <c r="S45" s="86"/>
      <c r="T45" s="79"/>
      <c r="U45" s="80"/>
      <c r="V45" s="81"/>
      <c r="W45" s="79"/>
      <c r="X45" s="80"/>
      <c r="Y45" s="80"/>
      <c r="Z45" s="80"/>
      <c r="AA45" s="7"/>
      <c r="AB45" s="33" t="s">
        <v>4</v>
      </c>
      <c r="AC45" s="84"/>
      <c r="AD45" s="85"/>
      <c r="AE45" s="86"/>
      <c r="AF45" s="84"/>
      <c r="AG45" s="85"/>
      <c r="AH45" s="86"/>
      <c r="AI45" s="79"/>
      <c r="AJ45" s="80"/>
      <c r="AK45" s="81"/>
      <c r="AL45" s="8"/>
      <c r="AM45" s="7"/>
      <c r="AN45" s="7"/>
      <c r="AO45" s="7"/>
      <c r="AP45" s="9"/>
      <c r="AQ45" s="34" t="s">
        <v>10</v>
      </c>
      <c r="AR45" s="107"/>
      <c r="AS45" s="107"/>
      <c r="AT45" s="107"/>
      <c r="AU45" s="7" t="s">
        <v>11</v>
      </c>
      <c r="AV45" s="9" t="s">
        <v>9</v>
      </c>
      <c r="AW45" s="8"/>
      <c r="AX45" s="7"/>
      <c r="AY45" s="9"/>
    </row>
    <row r="46" spans="2:51">
      <c r="B46" s="123" t="s">
        <v>39</v>
      </c>
      <c r="C46" s="124"/>
      <c r="D46" s="124"/>
      <c r="E46" s="124"/>
      <c r="F46" s="124"/>
      <c r="G46" s="125"/>
      <c r="H46" s="35"/>
      <c r="I46" s="18"/>
      <c r="J46" s="36" t="s">
        <v>4</v>
      </c>
      <c r="K46" s="18"/>
      <c r="L46" s="18"/>
      <c r="M46" s="18"/>
      <c r="N46" s="18"/>
      <c r="O46" s="18"/>
      <c r="P46" s="36" t="s">
        <v>4</v>
      </c>
      <c r="Q46" s="94"/>
      <c r="R46" s="95"/>
      <c r="S46" s="108"/>
      <c r="T46" s="94"/>
      <c r="U46" s="95"/>
      <c r="V46" s="108"/>
      <c r="W46" s="18"/>
      <c r="X46" s="18"/>
      <c r="Y46" s="18"/>
      <c r="Z46" s="18"/>
      <c r="AA46" s="18"/>
      <c r="AB46" s="36" t="s">
        <v>4</v>
      </c>
      <c r="AC46" s="94"/>
      <c r="AD46" s="95"/>
      <c r="AE46" s="108"/>
      <c r="AF46" s="111" t="s">
        <v>38</v>
      </c>
      <c r="AG46" s="112"/>
      <c r="AH46" s="113"/>
      <c r="AI46" s="111" t="s">
        <v>40</v>
      </c>
      <c r="AJ46" s="112"/>
      <c r="AK46" s="113"/>
      <c r="AL46" s="158" t="s">
        <v>41</v>
      </c>
      <c r="AM46" s="159"/>
      <c r="AN46" s="159"/>
      <c r="AO46" s="159"/>
      <c r="AP46" s="160"/>
      <c r="AQ46" s="111" t="s">
        <v>47</v>
      </c>
      <c r="AR46" s="112"/>
      <c r="AS46" s="112"/>
      <c r="AT46" s="112"/>
      <c r="AU46" s="112"/>
      <c r="AV46" s="113"/>
      <c r="AW46" s="94"/>
      <c r="AX46" s="95"/>
      <c r="AY46" s="96"/>
    </row>
    <row r="47" spans="2:51" ht="13.5" customHeight="1">
      <c r="B47" s="126"/>
      <c r="C47" s="127"/>
      <c r="D47" s="127"/>
      <c r="E47" s="127"/>
      <c r="F47" s="127"/>
      <c r="G47" s="128"/>
      <c r="H47" s="84" t="str">
        <f>IF(SUM(H11,H14,H17,H20,H23,H26,H29,H32,H35,H38,H41,H44)=0,"",SUM(H11,H14,H17,H20,H23,H26,H29,H32,H35,H38,H41,H44))</f>
        <v/>
      </c>
      <c r="I47" s="85"/>
      <c r="J47" s="86"/>
      <c r="K47" s="84" t="str">
        <f>IF(SUM(K11,K14,K17,K20,K23,K26,K29,K32,K35,K38,K41,K44)=0,"",SUM(K11,K14,K17,K20,K23,K26,K29,K32,K35,K38,K41,K44))</f>
        <v/>
      </c>
      <c r="L47" s="85"/>
      <c r="M47" s="85"/>
      <c r="N47" s="85"/>
      <c r="O47" s="85"/>
      <c r="P47" s="9"/>
      <c r="Q47" s="97"/>
      <c r="R47" s="98"/>
      <c r="S47" s="109"/>
      <c r="T47" s="97"/>
      <c r="U47" s="98"/>
      <c r="V47" s="109"/>
      <c r="W47" s="84" t="str">
        <f>IF(SUM(W11,W14,W17,W20,W23,W26,W29,W32,W35,W38,W41,W44)=0,"",SUM(W11,W14,W17,W20,W23,W26,W29,W32,W35,W38,W41,W44))</f>
        <v/>
      </c>
      <c r="X47" s="85"/>
      <c r="Y47" s="85"/>
      <c r="Z47" s="85"/>
      <c r="AA47" s="85"/>
      <c r="AB47" s="9"/>
      <c r="AC47" s="97"/>
      <c r="AD47" s="98"/>
      <c r="AE47" s="109"/>
      <c r="AF47" s="114"/>
      <c r="AG47" s="115"/>
      <c r="AH47" s="116"/>
      <c r="AI47" s="114"/>
      <c r="AJ47" s="115"/>
      <c r="AK47" s="116"/>
      <c r="AL47" s="152" t="s">
        <v>42</v>
      </c>
      <c r="AM47" s="153"/>
      <c r="AN47" s="153"/>
      <c r="AO47" s="153"/>
      <c r="AP47" s="154"/>
      <c r="AQ47" s="120"/>
      <c r="AR47" s="121"/>
      <c r="AS47" s="121"/>
      <c r="AT47" s="121"/>
      <c r="AU47" s="121"/>
      <c r="AV47" s="122"/>
      <c r="AW47" s="97"/>
      <c r="AX47" s="98"/>
      <c r="AY47" s="99"/>
    </row>
    <row r="48" spans="2:51" ht="13.5" customHeight="1">
      <c r="B48" s="126"/>
      <c r="C48" s="127"/>
      <c r="D48" s="127"/>
      <c r="E48" s="127"/>
      <c r="F48" s="127"/>
      <c r="G48" s="128"/>
      <c r="H48" s="87"/>
      <c r="I48" s="88"/>
      <c r="J48" s="89"/>
      <c r="K48" s="87"/>
      <c r="L48" s="88"/>
      <c r="M48" s="88"/>
      <c r="N48" s="88"/>
      <c r="O48" s="88"/>
      <c r="P48" s="6"/>
      <c r="Q48" s="97"/>
      <c r="R48" s="98"/>
      <c r="S48" s="109"/>
      <c r="T48" s="97"/>
      <c r="U48" s="98"/>
      <c r="V48" s="109"/>
      <c r="W48" s="87"/>
      <c r="X48" s="88"/>
      <c r="Y48" s="88"/>
      <c r="Z48" s="88"/>
      <c r="AA48" s="88"/>
      <c r="AB48" s="6"/>
      <c r="AC48" s="97"/>
      <c r="AD48" s="98"/>
      <c r="AE48" s="109"/>
      <c r="AF48" s="114"/>
      <c r="AG48" s="115"/>
      <c r="AH48" s="116"/>
      <c r="AI48" s="120"/>
      <c r="AJ48" s="121"/>
      <c r="AK48" s="122"/>
      <c r="AL48" s="97"/>
      <c r="AM48" s="98"/>
      <c r="AN48" s="98"/>
      <c r="AO48" s="98"/>
      <c r="AP48" s="109"/>
      <c r="AQ48" s="1"/>
      <c r="AR48" s="2"/>
      <c r="AS48" s="2"/>
      <c r="AT48" s="2"/>
      <c r="AU48" s="2"/>
      <c r="AV48" s="31" t="s">
        <v>9</v>
      </c>
      <c r="AW48" s="97"/>
      <c r="AX48" s="98"/>
      <c r="AY48" s="99"/>
    </row>
    <row r="49" spans="2:51">
      <c r="B49" s="126"/>
      <c r="C49" s="127"/>
      <c r="D49" s="127"/>
      <c r="E49" s="127"/>
      <c r="F49" s="127"/>
      <c r="G49" s="128"/>
      <c r="H49" s="32" t="s">
        <v>45</v>
      </c>
      <c r="I49" s="2"/>
      <c r="J49" s="26" t="s">
        <v>37</v>
      </c>
      <c r="K49" s="37" t="s">
        <v>44</v>
      </c>
      <c r="L49" s="7"/>
      <c r="M49" s="7"/>
      <c r="N49" s="7"/>
      <c r="O49" s="7"/>
      <c r="P49" s="26" t="s">
        <v>37</v>
      </c>
      <c r="Q49" s="97"/>
      <c r="R49" s="98"/>
      <c r="S49" s="109"/>
      <c r="T49" s="97"/>
      <c r="U49" s="98"/>
      <c r="V49" s="109"/>
      <c r="W49" s="37" t="s">
        <v>43</v>
      </c>
      <c r="X49" s="7"/>
      <c r="Y49" s="7"/>
      <c r="Z49" s="7"/>
      <c r="AA49" s="7"/>
      <c r="AB49" s="26" t="s">
        <v>37</v>
      </c>
      <c r="AC49" s="97"/>
      <c r="AD49" s="98"/>
      <c r="AE49" s="109"/>
      <c r="AF49" s="114"/>
      <c r="AG49" s="115"/>
      <c r="AH49" s="116"/>
      <c r="AI49" s="1"/>
      <c r="AJ49" s="2"/>
      <c r="AK49" s="30" t="s">
        <v>7</v>
      </c>
      <c r="AL49" s="97"/>
      <c r="AM49" s="98"/>
      <c r="AN49" s="98"/>
      <c r="AO49" s="98"/>
      <c r="AP49" s="109"/>
      <c r="AQ49" s="142" t="str">
        <f>IF(SUM(AR12,AR15,AR18,AR21,AR24,AR27,AR30,AR33,AR36,AR39,AR42,AR45)=0,"",SUM(AR12,AR15,AR18,AR21,AR24,AR27,AR30,AR33,AR36,AR39,AR42,AR45))</f>
        <v/>
      </c>
      <c r="AR49" s="143"/>
      <c r="AS49" s="143"/>
      <c r="AT49" s="143"/>
      <c r="AU49" s="143"/>
      <c r="AV49" s="144"/>
      <c r="AW49" s="97"/>
      <c r="AX49" s="98"/>
      <c r="AY49" s="99"/>
    </row>
    <row r="50" spans="2:51" ht="13.5" customHeight="1">
      <c r="B50" s="126"/>
      <c r="C50" s="127"/>
      <c r="D50" s="127"/>
      <c r="E50" s="127"/>
      <c r="F50" s="127"/>
      <c r="G50" s="128"/>
      <c r="H50" s="84" t="str">
        <f>IF(H47="","",H47*310)</f>
        <v/>
      </c>
      <c r="I50" s="85"/>
      <c r="J50" s="86"/>
      <c r="K50" s="84" t="str">
        <f>IF(K47="","",K47*310)</f>
        <v/>
      </c>
      <c r="L50" s="85"/>
      <c r="M50" s="85"/>
      <c r="N50" s="85"/>
      <c r="O50" s="85"/>
      <c r="P50" s="9"/>
      <c r="Q50" s="97"/>
      <c r="R50" s="98"/>
      <c r="S50" s="109"/>
      <c r="T50" s="97"/>
      <c r="U50" s="98"/>
      <c r="V50" s="109"/>
      <c r="W50" s="84" t="str">
        <f>IF(W47="","",W47*310)</f>
        <v/>
      </c>
      <c r="X50" s="85"/>
      <c r="Y50" s="85"/>
      <c r="Z50" s="85"/>
      <c r="AA50" s="85"/>
      <c r="AB50" s="9"/>
      <c r="AC50" s="97"/>
      <c r="AD50" s="98"/>
      <c r="AE50" s="109"/>
      <c r="AF50" s="114"/>
      <c r="AG50" s="115"/>
      <c r="AH50" s="116"/>
      <c r="AI50" s="79"/>
      <c r="AJ50" s="80"/>
      <c r="AK50" s="81"/>
      <c r="AL50" s="97"/>
      <c r="AM50" s="98"/>
      <c r="AN50" s="98"/>
      <c r="AO50" s="98"/>
      <c r="AP50" s="109"/>
      <c r="AQ50" s="142"/>
      <c r="AR50" s="143"/>
      <c r="AS50" s="143"/>
      <c r="AT50" s="143"/>
      <c r="AU50" s="143"/>
      <c r="AV50" s="144"/>
      <c r="AW50" s="97"/>
      <c r="AX50" s="98"/>
      <c r="AY50" s="99"/>
    </row>
    <row r="51" spans="2:51" ht="14.25" customHeight="1" thickBot="1">
      <c r="B51" s="129"/>
      <c r="C51" s="130"/>
      <c r="D51" s="130"/>
      <c r="E51" s="130"/>
      <c r="F51" s="130"/>
      <c r="G51" s="131"/>
      <c r="H51" s="132"/>
      <c r="I51" s="133"/>
      <c r="J51" s="134"/>
      <c r="K51" s="132"/>
      <c r="L51" s="133"/>
      <c r="M51" s="133"/>
      <c r="N51" s="133"/>
      <c r="O51" s="133"/>
      <c r="P51" s="38"/>
      <c r="Q51" s="100"/>
      <c r="R51" s="101"/>
      <c r="S51" s="110"/>
      <c r="T51" s="100"/>
      <c r="U51" s="101"/>
      <c r="V51" s="110"/>
      <c r="W51" s="132"/>
      <c r="X51" s="133"/>
      <c r="Y51" s="133"/>
      <c r="Z51" s="133"/>
      <c r="AA51" s="133"/>
      <c r="AB51" s="38"/>
      <c r="AC51" s="100"/>
      <c r="AD51" s="101"/>
      <c r="AE51" s="110"/>
      <c r="AF51" s="117"/>
      <c r="AG51" s="118"/>
      <c r="AH51" s="119"/>
      <c r="AI51" s="155"/>
      <c r="AJ51" s="156"/>
      <c r="AK51" s="157"/>
      <c r="AL51" s="100"/>
      <c r="AM51" s="101"/>
      <c r="AN51" s="101"/>
      <c r="AO51" s="101"/>
      <c r="AP51" s="110"/>
      <c r="AQ51" s="145"/>
      <c r="AR51" s="146"/>
      <c r="AS51" s="146"/>
      <c r="AT51" s="146"/>
      <c r="AU51" s="146"/>
      <c r="AV51" s="147"/>
      <c r="AW51" s="100"/>
      <c r="AX51" s="101"/>
      <c r="AY51" s="102"/>
    </row>
    <row r="52" spans="2:51" ht="14.25" customHeight="1">
      <c r="B52" s="63"/>
      <c r="C52" s="63"/>
      <c r="D52" s="63"/>
      <c r="E52" s="63"/>
      <c r="F52" s="63"/>
      <c r="G52" s="63"/>
      <c r="H52" s="67"/>
      <c r="I52" s="67"/>
      <c r="J52" s="67"/>
      <c r="K52" s="65"/>
      <c r="L52" s="65"/>
      <c r="M52" s="65"/>
      <c r="N52" s="65"/>
      <c r="O52" s="65"/>
      <c r="P52" s="7"/>
      <c r="Q52" s="7"/>
      <c r="R52" s="7"/>
      <c r="S52" s="7"/>
      <c r="T52" s="7"/>
      <c r="U52" s="7"/>
      <c r="V52" s="7"/>
      <c r="W52" s="65"/>
      <c r="X52" s="65"/>
      <c r="Y52" s="65"/>
      <c r="Z52" s="65"/>
      <c r="AA52" s="65"/>
      <c r="AB52" s="7"/>
      <c r="AC52" s="7"/>
      <c r="AD52" s="7"/>
      <c r="AE52" s="7"/>
      <c r="AF52" s="66"/>
      <c r="AG52" s="68"/>
      <c r="AH52" s="68"/>
      <c r="AI52" s="69"/>
      <c r="AJ52" s="69"/>
      <c r="AK52" s="69"/>
      <c r="AL52" s="58"/>
      <c r="AM52" s="58"/>
      <c r="AN52" s="7"/>
      <c r="AO52" s="7"/>
      <c r="AP52" s="7"/>
      <c r="AQ52" s="64"/>
      <c r="AR52" s="64"/>
      <c r="AS52" s="64"/>
      <c r="AT52" s="64"/>
      <c r="AU52" s="64"/>
      <c r="AV52" s="64"/>
      <c r="AW52" s="7"/>
      <c r="AX52" s="7"/>
      <c r="AY52" s="7"/>
    </row>
    <row r="53" spans="2:51">
      <c r="F53" t="s">
        <v>52</v>
      </c>
      <c r="H53" s="59"/>
      <c r="I53" s="60"/>
      <c r="J53" s="61"/>
      <c r="K53" t="s">
        <v>53</v>
      </c>
      <c r="AG53" s="70"/>
      <c r="AH53" s="70"/>
      <c r="AI53" s="70"/>
      <c r="AJ53" s="70"/>
      <c r="AK53" s="70"/>
      <c r="AL53" s="70"/>
      <c r="AM53" s="70"/>
    </row>
    <row r="54" spans="2:51">
      <c r="H54" t="s">
        <v>54</v>
      </c>
    </row>
  </sheetData>
  <mergeCells count="186">
    <mergeCell ref="T11:V12"/>
    <mergeCell ref="AC11:AE12"/>
    <mergeCell ref="W11:Z12"/>
    <mergeCell ref="AW8:AY9"/>
    <mergeCell ref="AQ8:AV8"/>
    <mergeCell ref="AI8:AP8"/>
    <mergeCell ref="AF8:AH8"/>
    <mergeCell ref="AL47:AP47"/>
    <mergeCell ref="AL48:AP51"/>
    <mergeCell ref="AI50:AK51"/>
    <mergeCell ref="AL46:AP46"/>
    <mergeCell ref="AR12:AT12"/>
    <mergeCell ref="AF17:AH18"/>
    <mergeCell ref="B2:AY2"/>
    <mergeCell ref="AF9:AH9"/>
    <mergeCell ref="AI9:AK9"/>
    <mergeCell ref="AL9:AP9"/>
    <mergeCell ref="AQ9:AV9"/>
    <mergeCell ref="Q9:S9"/>
    <mergeCell ref="T9:V9"/>
    <mergeCell ref="T5:U7"/>
    <mergeCell ref="T8:AE8"/>
    <mergeCell ref="AC9:AE9"/>
    <mergeCell ref="W9:AB9"/>
    <mergeCell ref="B46:G51"/>
    <mergeCell ref="AI44:AK45"/>
    <mergeCell ref="AI41:AK42"/>
    <mergeCell ref="Q38:S39"/>
    <mergeCell ref="AI38:AK39"/>
    <mergeCell ref="M40:P40"/>
    <mergeCell ref="AI17:AK18"/>
    <mergeCell ref="AC14:AE15"/>
    <mergeCell ref="Y13:AB13"/>
    <mergeCell ref="Y16:AB16"/>
    <mergeCell ref="H50:J51"/>
    <mergeCell ref="K50:O51"/>
    <mergeCell ref="W50:AA51"/>
    <mergeCell ref="H44:J45"/>
    <mergeCell ref="K44:N45"/>
    <mergeCell ref="H17:J18"/>
    <mergeCell ref="K17:N18"/>
    <mergeCell ref="W17:Z18"/>
    <mergeCell ref="AC17:AE18"/>
    <mergeCell ref="Q43:R43"/>
    <mergeCell ref="Q44:S45"/>
    <mergeCell ref="T44:V45"/>
    <mergeCell ref="W44:Z45"/>
    <mergeCell ref="AC44:AE45"/>
    <mergeCell ref="AF44:AH45"/>
    <mergeCell ref="AR45:AT45"/>
    <mergeCell ref="H47:J48"/>
    <mergeCell ref="K47:O48"/>
    <mergeCell ref="W47:AA48"/>
    <mergeCell ref="Q46:S51"/>
    <mergeCell ref="T46:V51"/>
    <mergeCell ref="AC46:AE51"/>
    <mergeCell ref="AF46:AH51"/>
    <mergeCell ref="AI46:AK48"/>
    <mergeCell ref="AQ46:AV47"/>
    <mergeCell ref="AQ49:AV51"/>
    <mergeCell ref="H35:J36"/>
    <mergeCell ref="K35:N36"/>
    <mergeCell ref="Q35:S36"/>
    <mergeCell ref="T35:V36"/>
    <mergeCell ref="AR39:AT39"/>
    <mergeCell ref="Q40:R40"/>
    <mergeCell ref="H41:J42"/>
    <mergeCell ref="K41:N42"/>
    <mergeCell ref="Q41:S42"/>
    <mergeCell ref="T41:V42"/>
    <mergeCell ref="W41:Z42"/>
    <mergeCell ref="AC41:AE42"/>
    <mergeCell ref="AF41:AH42"/>
    <mergeCell ref="H38:J39"/>
    <mergeCell ref="AR42:AT42"/>
    <mergeCell ref="T38:V39"/>
    <mergeCell ref="W38:Z39"/>
    <mergeCell ref="AC38:AE39"/>
    <mergeCell ref="AF38:AH39"/>
    <mergeCell ref="B4:F5"/>
    <mergeCell ref="G4:S5"/>
    <mergeCell ref="Q13:R13"/>
    <mergeCell ref="H14:J15"/>
    <mergeCell ref="K14:N15"/>
    <mergeCell ref="Q14:S15"/>
    <mergeCell ref="AC23:AE24"/>
    <mergeCell ref="AF23:AH24"/>
    <mergeCell ref="AI23:AK24"/>
    <mergeCell ref="H23:J24"/>
    <mergeCell ref="K23:N24"/>
    <mergeCell ref="Q23:S24"/>
    <mergeCell ref="T23:V24"/>
    <mergeCell ref="AF11:AH12"/>
    <mergeCell ref="B9:G9"/>
    <mergeCell ref="H9:J9"/>
    <mergeCell ref="K9:P9"/>
    <mergeCell ref="H8:S8"/>
    <mergeCell ref="Q10:R10"/>
    <mergeCell ref="H11:J12"/>
    <mergeCell ref="Q11:S12"/>
    <mergeCell ref="K11:N12"/>
    <mergeCell ref="Y10:AB10"/>
    <mergeCell ref="AI11:AK12"/>
    <mergeCell ref="AW46:AY51"/>
    <mergeCell ref="T14:V15"/>
    <mergeCell ref="Q17:S18"/>
    <mergeCell ref="T17:V18"/>
    <mergeCell ref="AF14:AH15"/>
    <mergeCell ref="AI14:AK15"/>
    <mergeCell ref="H20:J21"/>
    <mergeCell ref="K20:N21"/>
    <mergeCell ref="Q20:S21"/>
    <mergeCell ref="T20:V21"/>
    <mergeCell ref="AR24:AT24"/>
    <mergeCell ref="AC26:AE27"/>
    <mergeCell ref="AF26:AH27"/>
    <mergeCell ref="AI26:AK27"/>
    <mergeCell ref="AR27:AT27"/>
    <mergeCell ref="H26:J27"/>
    <mergeCell ref="K26:N27"/>
    <mergeCell ref="Q26:S27"/>
    <mergeCell ref="T26:V27"/>
    <mergeCell ref="AC29:AE30"/>
    <mergeCell ref="AF29:AH30"/>
    <mergeCell ref="AI29:AK30"/>
    <mergeCell ref="AR30:AT30"/>
    <mergeCell ref="H29:J30"/>
    <mergeCell ref="Y43:AB43"/>
    <mergeCell ref="AR15:AT15"/>
    <mergeCell ref="Q16:R16"/>
    <mergeCell ref="AC20:AE21"/>
    <mergeCell ref="AF20:AH21"/>
    <mergeCell ref="L7:P7"/>
    <mergeCell ref="M13:P13"/>
    <mergeCell ref="M10:P10"/>
    <mergeCell ref="B8:G8"/>
    <mergeCell ref="K29:N30"/>
    <mergeCell ref="Q29:S30"/>
    <mergeCell ref="T29:V30"/>
    <mergeCell ref="AC32:AE33"/>
    <mergeCell ref="AF32:AH33"/>
    <mergeCell ref="AI32:AK33"/>
    <mergeCell ref="AR33:AT33"/>
    <mergeCell ref="H32:J33"/>
    <mergeCell ref="K32:N33"/>
    <mergeCell ref="Q32:S33"/>
    <mergeCell ref="T32:V33"/>
    <mergeCell ref="AC35:AE36"/>
    <mergeCell ref="AF35:AH36"/>
    <mergeCell ref="AI35:AK36"/>
    <mergeCell ref="AR36:AT36"/>
    <mergeCell ref="Y19:AB19"/>
    <mergeCell ref="AI20:AK21"/>
    <mergeCell ref="AR21:AT21"/>
    <mergeCell ref="Q22:R22"/>
    <mergeCell ref="M16:P16"/>
    <mergeCell ref="M19:P19"/>
    <mergeCell ref="Y22:AB22"/>
    <mergeCell ref="W14:Z15"/>
    <mergeCell ref="AR18:AT18"/>
    <mergeCell ref="Q19:R19"/>
    <mergeCell ref="W20:Z21"/>
    <mergeCell ref="M43:P43"/>
    <mergeCell ref="M22:P22"/>
    <mergeCell ref="M25:P25"/>
    <mergeCell ref="M28:P28"/>
    <mergeCell ref="M31:P31"/>
    <mergeCell ref="K38:N39"/>
    <mergeCell ref="M37:P37"/>
    <mergeCell ref="M34:P34"/>
    <mergeCell ref="Y34:AB34"/>
    <mergeCell ref="Y37:AB37"/>
    <mergeCell ref="W32:Z33"/>
    <mergeCell ref="Q34:R34"/>
    <mergeCell ref="W35:Z36"/>
    <mergeCell ref="Q37:R37"/>
    <mergeCell ref="Y31:AB31"/>
    <mergeCell ref="W23:Z24"/>
    <mergeCell ref="Q25:R25"/>
    <mergeCell ref="W26:Z27"/>
    <mergeCell ref="Q28:R28"/>
    <mergeCell ref="W29:Z30"/>
    <mergeCell ref="Q31:R31"/>
    <mergeCell ref="Y25:AB25"/>
    <mergeCell ref="Y28:AB28"/>
    <mergeCell ref="Y40:AB40"/>
  </mergeCells>
  <phoneticPr fontId="2"/>
  <pageMargins left="0.59055118110236227" right="0.19685039370078741" top="0.19685039370078741" bottom="0.19685039370078741" header="0.51181102362204722" footer="0.51181102362204722"/>
  <pageSetup paperSize="9" scale="85" orientation="landscape" r:id="rId1"/>
  <headerFooter alignWithMargins="0"/>
  <drawing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共済証紙受払簿（数式入り）</vt:lpstr>
    </vt:vector>
  </TitlesOfParts>
  <Company>勤労者退職金共済機構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小﨑 鼓太郎</dc:creator>
  <cp:lastModifiedBy>広島県</cp:lastModifiedBy>
  <cp:lastPrinted>2006-10-06T00:35:56Z</cp:lastPrinted>
  <dcterms:created xsi:type="dcterms:W3CDTF">2004-02-06T06:41:39Z</dcterms:created>
  <dcterms:modified xsi:type="dcterms:W3CDTF">2023-03-02T02:42:10Z</dcterms:modified>
</cp:coreProperties>
</file>